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17"/>
  </p:notesMasterIdLst>
  <p:sldIdLst>
    <p:sldId id="267" r:id="rId8"/>
    <p:sldId id="268" r:id="rId9"/>
    <p:sldId id="269" r:id="rId10"/>
    <p:sldId id="271" r:id="rId11"/>
    <p:sldId id="270" r:id="rId12"/>
    <p:sldId id="272" r:id="rId13"/>
    <p:sldId id="273" r:id="rId14"/>
    <p:sldId id="274" r:id="rId15"/>
    <p:sldId id="275" r:id="rId16"/>
  </p:sldIdLst>
  <p:sldSz cx="12192000" cy="6858000"/>
  <p:notesSz cx="6797675" cy="9926638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999999"/>
    <a:srgbClr val="E8DED4"/>
    <a:srgbClr val="E8C9BF"/>
    <a:srgbClr val="E9E402"/>
    <a:srgbClr val="6BA58F"/>
    <a:srgbClr val="154053"/>
    <a:srgbClr val="97856F"/>
    <a:srgbClr val="EFE8E1"/>
    <a:srgbClr val="F5F1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F7E2783-616D-4130-B22A-C8983E18D2B9}" v="59" dt="2025-04-03T13:42:43.578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018" autoAdjust="0"/>
    <p:restoredTop sz="94618" autoAdjust="0"/>
  </p:normalViewPr>
  <p:slideViewPr>
    <p:cSldViewPr snapToGrid="0" showGuides="1">
      <p:cViewPr varScale="1">
        <p:scale>
          <a:sx n="117" d="100"/>
          <a:sy n="117" d="100"/>
        </p:scale>
        <p:origin x="120" y="216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napToGrid="0" showGuides="1">
      <p:cViewPr varScale="1">
        <p:scale>
          <a:sx n="90" d="100"/>
          <a:sy n="90" d="100"/>
        </p:scale>
        <p:origin x="1458" y="90"/>
      </p:cViewPr>
      <p:guideLst/>
    </p:cSldViewPr>
  </p:notes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slide" Target="slides/slide6.xml"/><Relationship Id="rId18" Type="http://schemas.openxmlformats.org/officeDocument/2006/relationships/presProps" Target="presProps.xml"/><Relationship Id="rId3" Type="http://schemas.openxmlformats.org/officeDocument/2006/relationships/customXml" Target="../customXml/item3.xml"/><Relationship Id="rId21" Type="http://schemas.openxmlformats.org/officeDocument/2006/relationships/tableStyles" Target="tableStyles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5.xml"/><Relationship Id="rId17" Type="http://schemas.openxmlformats.org/officeDocument/2006/relationships/notesMaster" Target="notesMasters/notes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0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4.xml"/><Relationship Id="rId5" Type="http://schemas.openxmlformats.org/officeDocument/2006/relationships/customXml" Target="../customXml/item5.xml"/><Relationship Id="rId15" Type="http://schemas.openxmlformats.org/officeDocument/2006/relationships/slide" Target="slides/slide8.xml"/><Relationship Id="rId10" Type="http://schemas.openxmlformats.org/officeDocument/2006/relationships/slide" Target="slides/slide3.xml"/><Relationship Id="rId19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microsoft.com/office/2015/10/relationships/revisionInfo" Target="revisionInfo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05-04-2025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3127" userDrawn="1">
          <p15:clr>
            <a:srgbClr val="F26B43"/>
          </p15:clr>
        </p15:guide>
        <p15:guide id="2" pos="2141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Danmark, Sverige, England, Irland, Holland</a:t>
            </a:r>
          </a:p>
          <a:p>
            <a:r>
              <a:rPr lang="da-DK" dirty="0"/>
              <a:t>USA, Canada</a:t>
            </a:r>
          </a:p>
          <a:p>
            <a:r>
              <a:rPr lang="da-DK" dirty="0"/>
              <a:t>Australien, New Zealand,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8054275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Background">
            <a:extLst>
              <a:ext uri="{FF2B5EF4-FFF2-40B4-BE49-F238E27FC236}">
                <a16:creationId xmlns:a16="http://schemas.microsoft.com/office/drawing/2014/main" id="{24E50DC6-5BA7-4119-B609-D4119B5D5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pic>
        <p:nvPicPr>
          <p:cNvPr id="889399093" name="Logoimage" descr="{&quot;templafy&quot;:{&quot;id&quot;:&quot;735c7740-fa81-416c-b80f-2c8b4aeeb41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043160277" name="ExtralogoBottomimage" descr="{&quot;templafy&quot;:{&quot;id&quot;:&quot;cfc18dd2-a649-4db8-989d-23005349af8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40968333" name="ExtralogoTopimage" descr="{&quot;templafy&quot;:{&quot;id&quot;:&quot;e343525f-73dc-46b6-a683-bd85c1d1e4a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4" name="Virksomhed" descr="{&quot;templafy&quot;:{&quot;id&quot;:&quot;783d78c7-3312-406b-a37c-a1a4ea59a774&quot;}}">
            <a:extLst>
              <a:ext uri="{FF2B5EF4-FFF2-40B4-BE49-F238E27FC236}">
                <a16:creationId xmlns:a16="http://schemas.microsoft.com/office/drawing/2014/main" id="{44DF0A83-9F86-1CD0-16C7-E3EE9D75459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6" name="CenterFreeText" descr="{&quot;templafy&quot;:{&quot;id&quot;:&quot;441a3d7b-5230-4ab5-b5d3-5458675decbe&quot;}}" hidden="1">
            <a:extLst>
              <a:ext uri="{FF2B5EF4-FFF2-40B4-BE49-F238E27FC236}">
                <a16:creationId xmlns:a16="http://schemas.microsoft.com/office/drawing/2014/main" id="{C5580BBD-56AE-7634-00FF-CB437CE38F3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9" name="Center" descr="{&quot;templafy&quot;:{&quot;id&quot;:&quot;7e7a89ba-aea5-4a16-a7ef-fc71c24634a0&quot;}}">
            <a:extLst>
              <a:ext uri="{FF2B5EF4-FFF2-40B4-BE49-F238E27FC236}">
                <a16:creationId xmlns:a16="http://schemas.microsoft.com/office/drawing/2014/main" id="{907C70E1-C840-FC14-EB06-6D851302708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11" name="Titel" descr="{&quot;templafy&quot;:{&quot;id&quot;:&quot;6e990caa-3def-447a-8264-79e99567a54e&quot;}}">
            <a:extLst>
              <a:ext uri="{FF2B5EF4-FFF2-40B4-BE49-F238E27FC236}">
                <a16:creationId xmlns:a16="http://schemas.microsoft.com/office/drawing/2014/main" id="{DF4D43D3-9595-9AB3-3A78-3FE8A6A03D1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97475211-e99e-403e-986c-eea5aee0a981&quot;}}">
            <a:extLst>
              <a:ext uri="{FF2B5EF4-FFF2-40B4-BE49-F238E27FC236}">
                <a16:creationId xmlns:a16="http://schemas.microsoft.com/office/drawing/2014/main" id="{5673107C-0DDB-F05C-E189-CC1B7AC30FE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3" name="Dato" descr="{&quot;templafy&quot;:{&quot;id&quot;:&quot;c01604ba-ac8a-4e17-ba20-ef3f76b4154d&quot;}}">
            <a:extLst>
              <a:ext uri="{FF2B5EF4-FFF2-40B4-BE49-F238E27FC236}">
                <a16:creationId xmlns:a16="http://schemas.microsoft.com/office/drawing/2014/main" id="{4A5353DE-D19D-E0C3-72E1-03E7DDE6226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89138"/>
            <a:ext cx="10371275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27125" y="4595449"/>
            <a:ext cx="10371275" cy="110802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7A1C0411-5C60-5E7D-355A-F66ABC8FE3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8975924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topfoto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Rektangel 19">
            <a:extLst>
              <a:ext uri="{FF2B5EF4-FFF2-40B4-BE49-F238E27FC236}">
                <a16:creationId xmlns:a16="http://schemas.microsoft.com/office/drawing/2014/main" id="{58AE5C97-BDAE-75FA-57FF-4001051496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851781970" name="Logoimage" descr="{&quot;templafy&quot;:{&quot;id&quot;:&quot;39ad83b7-f3ff-44ff-9201-cd0eeb02886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8822962" name="ExtralogoBottomimage" descr="{&quot;templafy&quot;:{&quot;id&quot;:&quot;188541bc-9c75-4f67-b601-65e4e40da10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1" name="Titel" descr="{&quot;templafy&quot;:{&quot;id&quot;:&quot;0263eef8-a28f-4a8d-9ed2-d39479f0c50f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75273f23-8c66-4855-8094-21ecca1a49fd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3" name="Dato" descr="{&quot;templafy&quot;:{&quot;id&quot;:&quot;70d7d8d5-1114-484c-b6d6-3bd7f0c0fad2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pic>
        <p:nvPicPr>
          <p:cNvPr id="2054308607" name="ExtralogoTopimage" descr="{&quot;templafy&quot;:{&quot;id&quot;:&quot;ef362e2b-022c-4361-8601-8b1c56f7f68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80c5ad27-1248-40cb-8960-206366f4aeca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4" name="CenterFreeText" descr="{&quot;templafy&quot;:{&quot;id&quot;:&quot;eb7a4962-3e91-4c03-b7cf-f6acf17a12af&quot;}}" hidden="1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5" name="Center" descr="{&quot;templafy&quot;:{&quot;id&quot;:&quot;346e2b3b-85e6-4bdb-856b-c14dfb214e13&quot;}}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4507200"/>
            <a:ext cx="3244825" cy="1422996"/>
          </a:xfrm>
        </p:spPr>
        <p:txBody>
          <a:bodyPr anchor="t" anchorCtr="0"/>
          <a:lstStyle/>
          <a:p>
            <a:r>
              <a:rPr lang="da-DK" dirty="0"/>
              <a:t>Overskrift 28pt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730400" y="4507200"/>
            <a:ext cx="6768000" cy="142299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</p:txBody>
      </p:sp>
      <p:sp>
        <p:nvSpPr>
          <p:cNvPr id="19" name="Pladsholder til billede 2">
            <a:extLst>
              <a:ext uri="{FF2B5EF4-FFF2-40B4-BE49-F238E27FC236}">
                <a16:creationId xmlns:a16="http://schemas.microsoft.com/office/drawing/2014/main" id="{8DA15832-D016-ED2A-1620-ACA407FE9F40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0" y="0"/>
            <a:ext cx="12192000" cy="4221087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364404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979">
          <p15:clr>
            <a:srgbClr val="A4A3A4"/>
          </p15:clr>
        </p15:guide>
        <p15:guide id="2" pos="2753">
          <p15:clr>
            <a:srgbClr val="A4A3A4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 hidden="1">
            <a:extLst>
              <a:ext uri="{FF2B5EF4-FFF2-40B4-BE49-F238E27FC236}">
                <a16:creationId xmlns:a16="http://schemas.microsoft.com/office/drawing/2014/main" id="{CF3CB3AF-90BF-908D-D3B8-651E365F3D4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CFDD5364-CBF7-F8A2-3E66-0322B506E5F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3195" b="2823"/>
          <a:stretch/>
        </p:blipFill>
        <p:spPr>
          <a:xfrm>
            <a:off x="687389" y="0"/>
            <a:ext cx="11504611" cy="6858000"/>
          </a:xfrm>
          <a:prstGeom prst="rect">
            <a:avLst/>
          </a:prstGeom>
        </p:spPr>
      </p:pic>
      <p:sp>
        <p:nvSpPr>
          <p:cNvPr id="4" name="Ellipse 3">
            <a:extLst>
              <a:ext uri="{FF2B5EF4-FFF2-40B4-BE49-F238E27FC236}">
                <a16:creationId xmlns:a16="http://schemas.microsoft.com/office/drawing/2014/main" id="{382AAC77-9CB6-9BD8-38F8-1B4CB5BEA11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6" name="Tekstfelt 5">
            <a:extLst>
              <a:ext uri="{FF2B5EF4-FFF2-40B4-BE49-F238E27FC236}">
                <a16:creationId xmlns:a16="http://schemas.microsoft.com/office/drawing/2014/main" id="{67A6D053-93F8-A8F6-1D82-382347079FB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pic>
        <p:nvPicPr>
          <p:cNvPr id="1207640455" name="Logoimage" descr="{&quot;templafy&quot;:{&quot;id&quot;:&quot;ccb285a6-c065-4161-8cc9-e694c031e2c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87389" y="0"/>
            <a:ext cx="11504612" cy="6858000"/>
          </a:xfrm>
        </p:spPr>
        <p:txBody>
          <a:bodyPr tIns="900000" anchor="ctr" anchorCtr="1"/>
          <a:lstStyle>
            <a:lvl1pPr marL="0" indent="0">
              <a:buNone/>
              <a:defRPr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Date Placeholder 2" hidden="1">
            <a:extLst>
              <a:ext uri="{FF2B5EF4-FFF2-40B4-BE49-F238E27FC236}">
                <a16:creationId xmlns:a16="http://schemas.microsoft.com/office/drawing/2014/main" id="{49A5D83B-CF24-8005-22E9-48A20C5CF81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0" name="Footer Placeholder 6" hidden="1">
            <a:extLst>
              <a:ext uri="{FF2B5EF4-FFF2-40B4-BE49-F238E27FC236}">
                <a16:creationId xmlns:a16="http://schemas.microsoft.com/office/drawing/2014/main" id="{B3194AA3-25CC-D01A-07CD-90E1E861708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1" name="Slide Number Placeholder 8" hidden="1">
            <a:extLst>
              <a:ext uri="{FF2B5EF4-FFF2-40B4-BE49-F238E27FC236}">
                <a16:creationId xmlns:a16="http://schemas.microsoft.com/office/drawing/2014/main" id="{F946E5BE-4F3F-9AFB-649F-77688E2D881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0DAB5548-7253-48D6-B95B-F3D312A72220}" type="slidenum">
              <a:rPr lang="en-US" smtClean="0"/>
              <a:pPr/>
              <a:t>‹nr.›</a:t>
            </a:fld>
            <a:endParaRPr lang="en-US" dirty="0"/>
          </a:p>
        </p:txBody>
      </p:sp>
      <p:pic>
        <p:nvPicPr>
          <p:cNvPr id="2" name="Billede 1">
            <a:extLst>
              <a:ext uri="{FF2B5EF4-FFF2-40B4-BE49-F238E27FC236}">
                <a16:creationId xmlns:a16="http://schemas.microsoft.com/office/drawing/2014/main" id="{ED395918-A70B-8865-A2E7-130CE3ED9ED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15" t="9372" r="-2" b="6249"/>
          <a:stretch/>
        </p:blipFill>
        <p:spPr>
          <a:xfrm>
            <a:off x="-1509" y="0"/>
            <a:ext cx="12193509" cy="6858000"/>
          </a:xfrm>
          <a:prstGeom prst="rect">
            <a:avLst/>
          </a:prstGeom>
        </p:spPr>
      </p:pic>
      <p:sp>
        <p:nvSpPr>
          <p:cNvPr id="3" name="Ellipse 2">
            <a:extLst>
              <a:ext uri="{FF2B5EF4-FFF2-40B4-BE49-F238E27FC236}">
                <a16:creationId xmlns:a16="http://schemas.microsoft.com/office/drawing/2014/main" id="{10A17E8F-20A3-6F9E-15A3-6B8EE86DCA1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1127125" y="2287415"/>
            <a:ext cx="1852246" cy="1852246"/>
          </a:xfrm>
          <a:prstGeom prst="ellipse">
            <a:avLst/>
          </a:prstGeom>
          <a:solidFill>
            <a:schemeClr val="bg1">
              <a:alpha val="80000"/>
            </a:schemeClr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b="1" dirty="0">
                <a:solidFill>
                  <a:schemeClr val="tx1"/>
                </a:solidFill>
              </a:rPr>
              <a:t>Husk at indsætte nyt billede.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2EFC1BAB-C56C-304E-EAF8-CB742D9ADE4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 txBox="1"/>
          <p:nvPr userDrawn="1"/>
        </p:nvSpPr>
        <p:spPr>
          <a:xfrm>
            <a:off x="0" y="-465247"/>
            <a:ext cx="12192000" cy="27181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3900" b="1" dirty="0">
                <a:solidFill>
                  <a:schemeClr val="bg1">
                    <a:alpha val="50000"/>
                  </a:schemeClr>
                </a:solidFill>
              </a:rPr>
              <a:t>EKSEMPEL</a:t>
            </a:r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510" y="-4"/>
            <a:ext cx="12192000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900000" anchor="ctr" anchorCtr="0">
            <a:noAutofit/>
          </a:bodyPr>
          <a:lstStyle>
            <a:lvl1pPr marL="0" indent="0" algn="ctr">
              <a:buNone/>
              <a:defRPr sz="22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826956947" name="Logoimage" descr="{&quot;templafy&quot;:{&quot;id&quot;:&quot;5306a0b6-4729-4aa6-926e-5e3d366223d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-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168CBB00-DBDA-4CD8-9C6E-1AFB11208C1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06682221" name="Logoimage" descr="{&quot;templafy&quot;:{&quot;id&quot;:&quot;4e11a62c-71a8-4941-8c80-abfa82993f1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45956668" name="ExtralogoBottomimage" descr="{&quot;templafy&quot;:{&quot;id&quot;:&quot;df023ba9-7f0b-4c74-9814-cfaafa6adac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301632408" name="ExtralogoTopimage" descr="{&quot;templafy&quot;:{&quot;id&quot;:&quot;3d35647f-66a3-46d4-9c2c-85f61ec2b03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8299431e-a300-4a90-81c4-477f57bdeee9&quot;}}">
            <a:extLst>
              <a:ext uri="{FF2B5EF4-FFF2-40B4-BE49-F238E27FC236}">
                <a16:creationId xmlns:a16="http://schemas.microsoft.com/office/drawing/2014/main" id="{E7FAE951-1CCE-D044-A5E5-E865BF1444B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1" name="Titel" descr="{&quot;templafy&quot;:{&quot;id&quot;:&quot;7c70ea49-2e01-4d95-871d-2ea5f51fac43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b42203c8-8e66-47bf-8d1d-18819a00782a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3" name="Dato" descr="{&quot;templafy&quot;:{&quot;id&quot;:&quot;12df1afc-d824-4de9-adc2-5cf9a0112d48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CenterFreeText" descr="{&quot;templafy&quot;:{&quot;id&quot;:&quot;933460a5-fddd-49b8-95d8-b0b2dfeb897e&quot;}}" hidden="1">
            <a:extLst>
              <a:ext uri="{FF2B5EF4-FFF2-40B4-BE49-F238E27FC236}">
                <a16:creationId xmlns:a16="http://schemas.microsoft.com/office/drawing/2014/main" id="{97D6EBDB-D75D-D78D-8228-03EA9D94DBB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5" name="Center" descr="{&quot;templafy&quot;:{&quot;id&quot;:&quot;50e71f15-195a-459d-aa4f-de5f9db3ac55&quot;}}">
            <a:extLst>
              <a:ext uri="{FF2B5EF4-FFF2-40B4-BE49-F238E27FC236}">
                <a16:creationId xmlns:a16="http://schemas.microsoft.com/office/drawing/2014/main" id="{2BAA6C32-C9DF-985E-2528-F4E04E95042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990800"/>
            <a:ext cx="10371275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6261CD4B-05ED-D2F2-74A7-8BA4A38C2A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Èn tekstspalte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888769893" name="Logoimage" descr="{&quot;templafy&quot;:{&quot;id&quot;:&quot;852ccc39-6801-4e8f-a86a-44136715a97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560632050" name="ExtralogoBottomimage" descr="{&quot;templafy&quot;:{&quot;id&quot;:&quot;1589ce7f-38ee-48f8-96d3-12adbbe7d39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747301798" name="ExtralogoTopimage" descr="{&quot;templafy&quot;:{&quot;id&quot;:&quot;fb3157d4-dba6-4bae-84ad-5a2a6afe856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45c93e9f-4d24-4cff-aec2-98d106e659fb&quot;}}">
            <a:extLst>
              <a:ext uri="{FF2B5EF4-FFF2-40B4-BE49-F238E27FC236}">
                <a16:creationId xmlns:a16="http://schemas.microsoft.com/office/drawing/2014/main" id="{0FB369D3-9BCD-F2DA-658F-22E8E2B2622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23" name="Titel" descr="{&quot;templafy&quot;:{&quot;id&quot;:&quot;cc348b66-fd16-4c02-a181-b7b1956d3ba2&quot;}}">
            <a:extLst>
              <a:ext uri="{FF2B5EF4-FFF2-40B4-BE49-F238E27FC236}">
                <a16:creationId xmlns:a16="http://schemas.microsoft.com/office/drawing/2014/main" id="{294AE339-9C4F-DEC4-D1F6-DB15781A718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24" name="Navn" descr="{&quot;templafy&quot;:{&quot;id&quot;:&quot;71590967-b088-4fd5-a6c7-c1f19f033005&quot;}}">
            <a:extLst>
              <a:ext uri="{FF2B5EF4-FFF2-40B4-BE49-F238E27FC236}">
                <a16:creationId xmlns:a16="http://schemas.microsoft.com/office/drawing/2014/main" id="{C17B2358-47B8-DC9E-82CB-0042E1B89A0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25" name="Dato" descr="{&quot;templafy&quot;:{&quot;id&quot;:&quot;36664678-3296-426d-9db7-091b71ad6dd7&quot;}}">
            <a:extLst>
              <a:ext uri="{FF2B5EF4-FFF2-40B4-BE49-F238E27FC236}">
                <a16:creationId xmlns:a16="http://schemas.microsoft.com/office/drawing/2014/main" id="{DB0E60C3-DDB9-3C1B-73C8-71C0224F67D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2" name="CenterFreeText" descr="{&quot;templafy&quot;:{&quot;id&quot;:&quot;e897f20b-ec95-44c9-b364-26520a82761b&quot;}}" hidden="1">
            <a:extLst>
              <a:ext uri="{FF2B5EF4-FFF2-40B4-BE49-F238E27FC236}">
                <a16:creationId xmlns:a16="http://schemas.microsoft.com/office/drawing/2014/main" id="{75808C1F-B29E-DCAE-F288-DEDEA777B2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3" name="Center" descr="{&quot;templafy&quot;:{&quot;id&quot;:&quot;8dada82c-24cd-400d-9ad5-e29edad74c79&quot;}}">
            <a:extLst>
              <a:ext uri="{FF2B5EF4-FFF2-40B4-BE49-F238E27FC236}">
                <a16:creationId xmlns:a16="http://schemas.microsoft.com/office/drawing/2014/main" id="{18229CC5-A723-9F91-A1BA-14078A282E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8" name="Titel 1">
            <a:extLst>
              <a:ext uri="{FF2B5EF4-FFF2-40B4-BE49-F238E27FC236}">
                <a16:creationId xmlns:a16="http://schemas.microsoft.com/office/drawing/2014/main" id="{8E005D95-5BE7-44A6-9245-79D170D3E0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4DB57367-B34F-4F3D-9CB4-5407F22CD54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522E1F5-E5BA-C8B4-49A0-F3BCCB1FEF2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474902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Én tekstspalte - mørk baggrun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6" name="Rektangel 19">
            <a:extLst>
              <a:ext uri="{FF2B5EF4-FFF2-40B4-BE49-F238E27FC236}">
                <a16:creationId xmlns:a16="http://schemas.microsoft.com/office/drawing/2014/main" id="{D13C6E13-B223-D087-0526-8BD40AB0C3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408025145" name="Logoimage" descr="{&quot;templafy&quot;:{&quot;id&quot;:&quot;14ed3819-9c71-4148-9f23-9b2a096fc55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192613663" name="ExtralogoBottomimage" descr="{&quot;templafy&quot;:{&quot;id&quot;:&quot;b77e6a6f-23de-4ef2-861a-224033db242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436229217" name="ExtralogoTopimage" descr="{&quot;templafy&quot;:{&quot;id&quot;:&quot;bd2e9627-583f-47c3-befa-1bff535209d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62cc7b35-0133-4a09-a6ae-dae51b6bb426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tx1"/>
                </a:solidFill>
              </a:rPr>
              <a:t>Rigshospitalet</a:t>
            </a:r>
          </a:p>
        </p:txBody>
      </p:sp>
      <p:sp>
        <p:nvSpPr>
          <p:cNvPr id="11" name="Titel" descr="{&quot;templafy&quot;:{&quot;id&quot;:&quot;afeb2df5-4567-4156-81c4-86885c92288d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9b66e0af-d2b3-458b-857f-8820c0777a43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3" name="Dato" descr="{&quot;templafy&quot;:{&quot;id&quot;:&quot;0e9799a5-db4c-4b73-b5e4-2adeb952569e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4" name="CenterFreeText" descr="{&quot;templafy&quot;:{&quot;id&quot;:&quot;27aaf8fd-3007-4b4a-85f6-e5af2a3c7030&quot;}}" hidden="1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tx1"/>
                </a:solidFill>
              </a:rPr>
              <a:t>OMO 7014</a:t>
            </a:r>
          </a:p>
        </p:txBody>
      </p:sp>
      <p:sp>
        <p:nvSpPr>
          <p:cNvPr id="15" name="Center" descr="{&quot;templafy&quot;:{&quot;id&quot;:&quot;754fada5-485c-4369-ad1b-8017a17fdce7&quot;}}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tx1"/>
                </a:solidFill>
              </a:rPr>
              <a:t>HovedOrtoCentre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20" name="Pladsholder til indhold 2">
            <a:extLst>
              <a:ext uri="{FF2B5EF4-FFF2-40B4-BE49-F238E27FC236}">
                <a16:creationId xmlns:a16="http://schemas.microsoft.com/office/drawing/2014/main" id="{7947184C-5ED0-A915-AD86-E49BA3A88FD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1990800"/>
            <a:ext cx="10371600" cy="3708000"/>
          </a:xfrm>
        </p:spPr>
        <p:txBody>
          <a:bodyPr/>
          <a:lstStyle>
            <a:lvl1pPr>
              <a:buClrTx/>
              <a:defRPr/>
            </a:lvl1pPr>
            <a:lvl2pPr>
              <a:buClrTx/>
              <a:defRPr/>
            </a:lvl2pPr>
            <a:lvl3pPr>
              <a:buClrTx/>
              <a:defRPr/>
            </a:lvl3pPr>
            <a:lvl4pPr>
              <a:buClrTx/>
              <a:defRPr/>
            </a:lvl4pPr>
            <a:lvl5pPr>
              <a:buClrTx/>
              <a:defRPr/>
            </a:lvl5pPr>
            <a:lvl6pPr>
              <a:buClrTx/>
              <a:defRPr/>
            </a:lvl6pPr>
            <a:lvl7pPr>
              <a:buClrTx/>
              <a:defRPr/>
            </a:lvl7pPr>
            <a:lvl8pPr>
              <a:buClrTx/>
              <a:defRPr/>
            </a:lvl8pPr>
            <a:lvl9pPr>
              <a:buClrTx/>
              <a:defRPr/>
            </a:lvl9pPr>
          </a:lstStyle>
          <a:p>
            <a:pPr lvl="0"/>
            <a:r>
              <a:rPr lang="da-DK" noProof="0" dirty="0"/>
              <a:t>Brødtekst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9083973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foto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557118970" name="Logoimage" descr="{&quot;templafy&quot;:{&quot;id&quot;:&quot;1d10a776-7027-4563-9197-1842efcbee4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62320300" name="ExtralogoBottomimage" descr="{&quot;templafy&quot;:{&quot;id&quot;:&quot;9ded1423-815f-43fc-943a-317950ea3ec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581041915" name="ExtralogoTopimage" descr="{&quot;templafy&quot;:{&quot;id&quot;:&quot;462e6db3-a6e2-43a3-8b45-caba3d29e3b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7" name="Virksomhed" descr="{&quot;templafy&quot;:{&quot;id&quot;:&quot;38712577-d90e-47c7-acbc-e467bec8eac7&quot;}}">
            <a:extLst>
              <a:ext uri="{FF2B5EF4-FFF2-40B4-BE49-F238E27FC236}">
                <a16:creationId xmlns:a16="http://schemas.microsoft.com/office/drawing/2014/main" id="{DF71BBB0-C73F-872B-2579-3887B40AC69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0" name="Titel" descr="{&quot;templafy&quot;:{&quot;id&quot;:&quot;079e7b5b-0c0e-48bb-9e0c-b278836537ee&quot;}}">
            <a:extLst>
              <a:ext uri="{FF2B5EF4-FFF2-40B4-BE49-F238E27FC236}">
                <a16:creationId xmlns:a16="http://schemas.microsoft.com/office/drawing/2014/main" id="{E011F6EF-9285-EE1F-E3AE-A25E66535DB6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b45ebdde-b412-4800-8ccb-706f4239e06b&quot;}}">
            <a:extLst>
              <a:ext uri="{FF2B5EF4-FFF2-40B4-BE49-F238E27FC236}">
                <a16:creationId xmlns:a16="http://schemas.microsoft.com/office/drawing/2014/main" id="{19597770-8C61-6EDD-1A3F-60F7871D65F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2" name="Dato" descr="{&quot;templafy&quot;:{&quot;id&quot;:&quot;647655a2-8dfa-4f8c-982d-4097156f2737&quot;}}">
            <a:extLst>
              <a:ext uri="{FF2B5EF4-FFF2-40B4-BE49-F238E27FC236}">
                <a16:creationId xmlns:a16="http://schemas.microsoft.com/office/drawing/2014/main" id="{36B6A311-0DEE-D2F6-45DE-AD5FCB8DC9F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e4e416f2-86db-4530-8489-51770c141cc4&quot;}}" hidden="1">
            <a:extLst>
              <a:ext uri="{FF2B5EF4-FFF2-40B4-BE49-F238E27FC236}">
                <a16:creationId xmlns:a16="http://schemas.microsoft.com/office/drawing/2014/main" id="{20904CD1-6F68-5B4E-E10A-CB381C30BFD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4" name="Center" descr="{&quot;templafy&quot;:{&quot;id&quot;:&quot;02447262-5d16-47e1-84dc-9d8abc0eb9c7&quot;}}">
            <a:extLst>
              <a:ext uri="{FF2B5EF4-FFF2-40B4-BE49-F238E27FC236}">
                <a16:creationId xmlns:a16="http://schemas.microsoft.com/office/drawing/2014/main" id="{F65B4CA0-F756-7944-D523-961E83DA5E1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5005388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27126" y="1990800"/>
            <a:ext cx="5005388" cy="3708000"/>
          </a:xfrm>
        </p:spPr>
        <p:txBody>
          <a:bodyPr/>
          <a:lstStyle>
            <a:lvl1pPr marL="270000" indent="-270000">
              <a:defRPr baseline="0">
                <a:solidFill>
                  <a:schemeClr val="tx1"/>
                </a:solidFill>
              </a:defRPr>
            </a:lvl1pPr>
            <a:lvl2pPr marL="630000" indent="-270000">
              <a:defRPr>
                <a:solidFill>
                  <a:schemeClr val="tx1"/>
                </a:solidFill>
              </a:defRPr>
            </a:lvl2pPr>
            <a:lvl3pPr marL="936000" indent="-234000">
              <a:defRPr>
                <a:solidFill>
                  <a:schemeClr val="tx1"/>
                </a:solidFill>
              </a:defRPr>
            </a:lvl3pPr>
            <a:lvl4pPr marL="1296000" indent="-216000">
              <a:defRPr>
                <a:solidFill>
                  <a:schemeClr val="tx1"/>
                </a:solidFill>
              </a:defRPr>
            </a:lvl4pPr>
            <a:lvl5pPr marL="1656000" indent="-216000">
              <a:defRPr>
                <a:solidFill>
                  <a:schemeClr val="tx1"/>
                </a:solidFill>
              </a:defRPr>
            </a:lvl5pPr>
            <a:lvl6pPr marL="1818000" indent="0">
              <a:buNone/>
              <a:defRPr>
                <a:solidFill>
                  <a:schemeClr val="tx1"/>
                </a:solidFill>
              </a:defRPr>
            </a:lvl6pPr>
            <a:lvl7pPr marL="2178000" indent="0">
              <a:buNone/>
              <a:defRPr>
                <a:solidFill>
                  <a:schemeClr val="tx1"/>
                </a:solidFill>
              </a:defRPr>
            </a:lvl7pPr>
            <a:lvl8pPr marL="2538000" indent="0">
              <a:buNone/>
              <a:defRPr>
                <a:solidFill>
                  <a:schemeClr val="tx1"/>
                </a:solidFill>
              </a:defRPr>
            </a:lvl8pPr>
            <a:lvl9pPr marL="2538000" indent="0"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8"/>
            <a:endParaRPr lang="da-DK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900000" bIns="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0D91626-5CE5-262B-2D03-BBA2C05D877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91511902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724573366" name="Logoimage" descr="{&quot;templafy&quot;:{&quot;id&quot;:&quot;6248f725-c116-4bcf-898a-74f509be7a3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620275224" name="ExtralogoTopimage" descr="{&quot;templafy&quot;:{&quot;id&quot;:&quot;330dbbcf-e316-4e24-a87a-b4ce8df5195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448293690" name="ExtralogoBottomimage" descr="{&quot;templafy&quot;:{&quot;id&quot;:&quot;0ef60209-851c-4208-a265-4cd3b1d05b0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8" name="Virksomhed" descr="{&quot;templafy&quot;:{&quot;id&quot;:&quot;c16c1578-83fa-4e2e-981a-07a7f477bc08&quot;}}">
            <a:extLst>
              <a:ext uri="{FF2B5EF4-FFF2-40B4-BE49-F238E27FC236}">
                <a16:creationId xmlns:a16="http://schemas.microsoft.com/office/drawing/2014/main" id="{B392F202-0E27-8777-890A-4BCF8094921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2" name="Titel" descr="{&quot;templafy&quot;:{&quot;id&quot;:&quot;8c27e226-886d-42ae-8057-589c6fda1234&quot;}}">
            <a:extLst>
              <a:ext uri="{FF2B5EF4-FFF2-40B4-BE49-F238E27FC236}">
                <a16:creationId xmlns:a16="http://schemas.microsoft.com/office/drawing/2014/main" id="{651D6CA8-B6F1-3799-7F00-8456219A908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d34f1a2d-78fc-4d11-a094-348d95329fbd&quot;}}">
            <a:extLst>
              <a:ext uri="{FF2B5EF4-FFF2-40B4-BE49-F238E27FC236}">
                <a16:creationId xmlns:a16="http://schemas.microsoft.com/office/drawing/2014/main" id="{2339CBE2-F71F-132D-7F48-32D3BF8CA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4" name="Dato" descr="{&quot;templafy&quot;:{&quot;id&quot;:&quot;3ff85322-846d-4ea6-ae31-d715ae3ea230&quot;}}">
            <a:extLst>
              <a:ext uri="{FF2B5EF4-FFF2-40B4-BE49-F238E27FC236}">
                <a16:creationId xmlns:a16="http://schemas.microsoft.com/office/drawing/2014/main" id="{968B9867-07C7-D56E-45C2-24AA50BFBAC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5" name="CenterFreeText" descr="{&quot;templafy&quot;:{&quot;id&quot;:&quot;5a2c78d2-a60c-4b1e-9e46-0613f6a32bf2&quot;}}" hidden="1">
            <a:extLst>
              <a:ext uri="{FF2B5EF4-FFF2-40B4-BE49-F238E27FC236}">
                <a16:creationId xmlns:a16="http://schemas.microsoft.com/office/drawing/2014/main" id="{E0B57D99-E147-D482-C490-B5FEAD622B1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6" name="Center" descr="{&quot;templafy&quot;:{&quot;id&quot;:&quot;80aa061b-9fb3-455c-8472-6c344d912004&quot;}}">
            <a:extLst>
              <a:ext uri="{FF2B5EF4-FFF2-40B4-BE49-F238E27FC236}">
                <a16:creationId xmlns:a16="http://schemas.microsoft.com/office/drawing/2014/main" id="{4ECF457C-BCB3-A46C-26AB-05547CA4F54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7125" y="1699200"/>
            <a:ext cx="10371275" cy="828000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27126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27125" y="3747600"/>
            <a:ext cx="5004001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A58E4D84-1001-18C0-92D5-2BCBD8903E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6750934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489096759" name="ExtralogoTopimage" descr="{&quot;templafy&quot;:{&quot;id&quot;:&quot;c1547431-3328-4098-9373-4a9fd777c42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677934175" name="ExtralogoBottomimage" descr="{&quot;templafy&quot;:{&quot;id&quot;:&quot;77db7c57-8b67-4141-85a9-9c090674d13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0" name="Titel" descr="{&quot;templafy&quot;:{&quot;id&quot;:&quot;3835cbee-787b-46ec-92e6-67c5731d84a1&quot;}}">
            <a:extLst>
              <a:ext uri="{FF2B5EF4-FFF2-40B4-BE49-F238E27FC236}">
                <a16:creationId xmlns:a16="http://schemas.microsoft.com/office/drawing/2014/main" id="{5233E184-459D-75ED-9991-496EA25C2E6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d8c595b4-b751-4aad-bed1-df21a13412c8&quot;}}">
            <a:extLst>
              <a:ext uri="{FF2B5EF4-FFF2-40B4-BE49-F238E27FC236}">
                <a16:creationId xmlns:a16="http://schemas.microsoft.com/office/drawing/2014/main" id="{00617ADF-C1D2-1B95-D51C-4DB7A2A7431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2" name="Dato" descr="{&quot;templafy&quot;:{&quot;id&quot;:&quot;0eda0980-5cf3-42de-a2a2-24eb4a361121&quot;}}">
            <a:extLst>
              <a:ext uri="{FF2B5EF4-FFF2-40B4-BE49-F238E27FC236}">
                <a16:creationId xmlns:a16="http://schemas.microsoft.com/office/drawing/2014/main" id="{C6DE31FA-BAC9-F5B8-A779-A0015AD37F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6CAB180-EBD6-93D3-6B28-93036C5B97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7009915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 u/farvet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Slide Number Placeholder 6">
            <a:extLst>
              <a:ext uri="{FF2B5EF4-FFF2-40B4-BE49-F238E27FC236}">
                <a16:creationId xmlns:a16="http://schemas.microsoft.com/office/drawing/2014/main" id="{83F8E170-69DF-4972-9F60-F68F14D60D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971077802" name="ExtralogoBottomimage" descr="{&quot;templafy&quot;:{&quot;id&quot;:&quot;03c29df9-914b-49f9-ae63-3ed44315c6d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645258015" name="ExtralogoTopimage" descr="{&quot;templafy&quot;:{&quot;id&quot;:&quot;9fe69bc7-9383-4ebb-9a7f-8afb3fa3c6c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49f8a575-9098-49a2-92b0-27fe0df50226&quot;}}">
            <a:extLst>
              <a:ext uri="{FF2B5EF4-FFF2-40B4-BE49-F238E27FC236}">
                <a16:creationId xmlns:a16="http://schemas.microsoft.com/office/drawing/2014/main" id="{AC9789B1-B1CE-D7FF-3EE9-41BAAA0B422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7f24ec94-c61b-4d4d-90b8-05003200d31a&quot;}}">
            <a:extLst>
              <a:ext uri="{FF2B5EF4-FFF2-40B4-BE49-F238E27FC236}">
                <a16:creationId xmlns:a16="http://schemas.microsoft.com/office/drawing/2014/main" id="{BC3409DC-AF70-C674-C7AC-87B2EFBB5FD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3" name="Dato" descr="{&quot;templafy&quot;:{&quot;id&quot;:&quot;f61961cb-8f9b-429e-85a1-9fc8690b4952&quot;}}">
            <a:extLst>
              <a:ext uri="{FF2B5EF4-FFF2-40B4-BE49-F238E27FC236}">
                <a16:creationId xmlns:a16="http://schemas.microsoft.com/office/drawing/2014/main" id="{300F5851-07AE-CC08-8C6F-5D2C9E1945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9173901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">
            <a:extLst>
              <a:ext uri="{FF2B5EF4-FFF2-40B4-BE49-F238E27FC236}">
                <a16:creationId xmlns:a16="http://schemas.microsoft.com/office/drawing/2014/main" id="{30FDFCA5-769A-03D9-8D57-051DA19D2F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10" name="Dato">
            <a:extLst>
              <a:ext uri="{FF2B5EF4-FFF2-40B4-BE49-F238E27FC236}">
                <a16:creationId xmlns:a16="http://schemas.microsoft.com/office/drawing/2014/main" id="{1E512A54-83E1-61C2-C416-D88B731530A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pic>
        <p:nvPicPr>
          <p:cNvPr id="488910712" name="Logoimage" descr="{&quot;templafy&quot;:{&quot;id&quot;:&quot;5cdb57bc-c8f1-4f07-946e-42177d9da2e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849528162" name="ExtralogoBottomimage" descr="{&quot;templafy&quot;:{&quot;id&quot;:&quot;e6331728-9f9d-4bd7-bc1b-80a16c010dc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222152750" name="ExtralogoTopimage" descr="{&quot;templafy&quot;:{&quot;id&quot;:&quot;a1a3ce40-0d80-4523-a74c-4e000c19d36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1" name="Titel" descr="{&quot;templafy&quot;:{&quot;id&quot;:&quot;d5ced39f-b925-49d4-82c0-f2e56f4d066f&quot;}}">
            <a:extLst>
              <a:ext uri="{FF2B5EF4-FFF2-40B4-BE49-F238E27FC236}">
                <a16:creationId xmlns:a16="http://schemas.microsoft.com/office/drawing/2014/main" id="{4C8B9C52-5E61-26E2-7752-AA8ECBDB6F34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ad595fa0-f222-4477-a420-30e7d5d389af&quot;}}">
            <a:extLst>
              <a:ext uri="{FF2B5EF4-FFF2-40B4-BE49-F238E27FC236}">
                <a16:creationId xmlns:a16="http://schemas.microsoft.com/office/drawing/2014/main" id="{D259977B-E08A-8DF3-6E8E-7C57AFD486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3" name="Dato" descr="{&quot;templafy&quot;:{&quot;id&quot;:&quot;208ed7e7-31ec-4c39-9042-e7e2124d6222&quot;}}">
            <a:extLst>
              <a:ext uri="{FF2B5EF4-FFF2-40B4-BE49-F238E27FC236}">
                <a16:creationId xmlns:a16="http://schemas.microsoft.com/office/drawing/2014/main" id="{6FFEEA08-0860-E6BC-452F-1A5E74ED0CB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CenterFreeText" descr="{&quot;templafy&quot;:{&quot;id&quot;:&quot;ad7229e4-74cb-41d8-ac20-2e4f9d2d6c16&quot;}}" hidden="1">
            <a:extLst>
              <a:ext uri="{FF2B5EF4-FFF2-40B4-BE49-F238E27FC236}">
                <a16:creationId xmlns:a16="http://schemas.microsoft.com/office/drawing/2014/main" id="{907DF260-024D-3D30-B302-DFEBAA33423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4" name="Center" descr="{&quot;templafy&quot;:{&quot;id&quot;:&quot;eb8a5596-75f7-4b1e-af09-18b893475ef9&quot;}}">
            <a:extLst>
              <a:ext uri="{FF2B5EF4-FFF2-40B4-BE49-F238E27FC236}">
                <a16:creationId xmlns:a16="http://schemas.microsoft.com/office/drawing/2014/main" id="{6D6FD68E-FB65-4475-5C37-6433AF7062A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5" name="Virksomhed" descr="{&quot;templafy&quot;:{&quot;id&quot;:&quot;b577f033-6fca-41a1-bb0a-93f8ae8f6e5a&quot;}}">
            <a:extLst>
              <a:ext uri="{FF2B5EF4-FFF2-40B4-BE49-F238E27FC236}">
                <a16:creationId xmlns:a16="http://schemas.microsoft.com/office/drawing/2014/main" id="{AE40CD7D-1680-5D21-FB55-DCF9B78C0C7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3B42D70-D59C-2FA4-CA43-55437102955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0" y="835854"/>
            <a:ext cx="12192000" cy="3545147"/>
          </a:xfrm>
          <a:prstGeom prst="rect">
            <a:avLst/>
          </a:prstGeom>
        </p:spPr>
      </p:pic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5" y="4669163"/>
            <a:ext cx="10371275" cy="1028375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8" name="Pladsholder til billede 5">
            <a:extLst>
              <a:ext uri="{FF2B5EF4-FFF2-40B4-BE49-F238E27FC236}">
                <a16:creationId xmlns:a16="http://schemas.microsoft.com/office/drawing/2014/main" id="{8737F8AC-7DB9-0C6B-6F24-28C5D7ADB49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36545"/>
            <a:ext cx="12192000" cy="3546956"/>
          </a:xfrm>
        </p:spPr>
        <p:txBody>
          <a:bodyPr tIns="900000" anchor="ctr" anchorCtr="1"/>
          <a:lstStyle>
            <a:lvl1pPr marL="0" indent="0">
              <a:buNone/>
              <a:defRPr sz="2000">
                <a:solidFill>
                  <a:schemeClr val="bg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15" name="Slide Number Placeholder 14">
            <a:extLst>
              <a:ext uri="{FF2B5EF4-FFF2-40B4-BE49-F238E27FC236}">
                <a16:creationId xmlns:a16="http://schemas.microsoft.com/office/drawing/2014/main" id="{E12B3B7B-B901-C646-1EEB-3968748BD9B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57265749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" hidden="1">
            <a:extLst>
              <a:ext uri="{FF2B5EF4-FFF2-40B4-BE49-F238E27FC236}">
                <a16:creationId xmlns:a16="http://schemas.microsoft.com/office/drawing/2014/main" id="{E9AB7E8A-3902-63AB-0F23-C20AA8BB7C22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9" name="Dato" hidden="1">
            <a:extLst>
              <a:ext uri="{FF2B5EF4-FFF2-40B4-BE49-F238E27FC236}">
                <a16:creationId xmlns:a16="http://schemas.microsoft.com/office/drawing/2014/main" id="{F5A73DD7-44FA-3E46-24CD-2153A338123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97094370" name="Logoimage" descr="{&quot;templafy&quot;:{&quot;id&quot;:&quot;a7304099-c901-40ac-a48c-450f4ff188e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473744382" name="ExtralogoBottomimage" descr="{&quot;templafy&quot;:{&quot;id&quot;:&quot;5732dbe6-11ca-4174-b036-c097ed520c4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190347958" name="ExtralogoTopimage" descr="{&quot;templafy&quot;:{&quot;id&quot;:&quot;2eafde38-8151-4128-8ebd-1ba9559579d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8" name="Virksomhed" descr="{&quot;templafy&quot;:{&quot;id&quot;:&quot;ee0ac4ba-ba98-4950-a687-1f7d21d12391&quot;}}">
            <a:extLst>
              <a:ext uri="{FF2B5EF4-FFF2-40B4-BE49-F238E27FC236}">
                <a16:creationId xmlns:a16="http://schemas.microsoft.com/office/drawing/2014/main" id="{7402D21C-A72A-119A-5A49-5B89CDAD2A2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2" name="Titel" descr="{&quot;templafy&quot;:{&quot;id&quot;:&quot;dc59ed20-d457-4c7e-b8c5-02c2508f0021&quot;}}">
            <a:extLst>
              <a:ext uri="{FF2B5EF4-FFF2-40B4-BE49-F238E27FC236}">
                <a16:creationId xmlns:a16="http://schemas.microsoft.com/office/drawing/2014/main" id="{AECAD273-CC76-400F-E654-CD34991C557B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edb853e4-ae1b-4aaf-9e78-6ee9f5b816cf&quot;}}">
            <a:extLst>
              <a:ext uri="{FF2B5EF4-FFF2-40B4-BE49-F238E27FC236}">
                <a16:creationId xmlns:a16="http://schemas.microsoft.com/office/drawing/2014/main" id="{530754C7-7382-2C4B-DBA5-28B1789A6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4" name="Dato" descr="{&quot;templafy&quot;:{&quot;id&quot;:&quot;f883f249-f385-4ef9-bb41-1b5f2230aeda&quot;}}">
            <a:extLst>
              <a:ext uri="{FF2B5EF4-FFF2-40B4-BE49-F238E27FC236}">
                <a16:creationId xmlns:a16="http://schemas.microsoft.com/office/drawing/2014/main" id="{27CB55CB-A90C-33C8-AB95-CFD9DF73188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7" name="CenterFreeText" descr="{&quot;templafy&quot;:{&quot;id&quot;:&quot;dfb369f1-aa86-4e88-b7a5-667208adea4a&quot;}}" hidden="1">
            <a:extLst>
              <a:ext uri="{FF2B5EF4-FFF2-40B4-BE49-F238E27FC236}">
                <a16:creationId xmlns:a16="http://schemas.microsoft.com/office/drawing/2014/main" id="{3ECD29F8-90E2-D6ED-5E55-66EEF55974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5" name="Center" descr="{&quot;templafy&quot;:{&quot;id&quot;:&quot;4120b2c6-30fc-4f3b-947a-30855d469a33&quot;}}">
            <a:extLst>
              <a:ext uri="{FF2B5EF4-FFF2-40B4-BE49-F238E27FC236}">
                <a16:creationId xmlns:a16="http://schemas.microsoft.com/office/drawing/2014/main" id="{61DB617C-0769-BCA8-9610-FF7B75B654F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7497"/>
          </a:xfrm>
        </p:spPr>
        <p:txBody>
          <a:bodyPr/>
          <a:lstStyle>
            <a:lvl1pPr>
              <a:lnSpc>
                <a:spcPct val="85000"/>
              </a:lnSpc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27125" y="1989137"/>
            <a:ext cx="10371275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D8BA5166-5C3A-4087-CB96-55F6CE4EE9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310997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4E2B544D-C764-496F-9EE3-CAD342BB4A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036940942" name="Logoimage" descr="{&quot;templafy&quot;:{&quot;id&quot;:&quot;5125f731-dfb3-4ab2-a7b1-dd52e7afd6e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15658976" name="ExtralogoBottomimage" descr="{&quot;templafy&quot;:{&quot;id&quot;:&quot;c8752596-699f-4ada-b067-54c626bb54d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349040341" name="ExtralogoTopimage" descr="{&quot;templafy&quot;:{&quot;id&quot;:&quot;57ed7471-8918-44e2-a621-35b2de001d0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9" name="Virksomhed" descr="{&quot;templafy&quot;:{&quot;id&quot;:&quot;71b1dedd-54cf-4bc2-b415-8728344f7ef7&quot;}}">
            <a:extLst>
              <a:ext uri="{FF2B5EF4-FFF2-40B4-BE49-F238E27FC236}">
                <a16:creationId xmlns:a16="http://schemas.microsoft.com/office/drawing/2014/main" id="{096A4956-C3DA-677E-8A5D-E114BBD7A032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3" name="Titel" descr="{&quot;templafy&quot;:{&quot;id&quot;:&quot;090bb2f2-5771-4044-aeed-6104a14accfe&quot;}}">
            <a:extLst>
              <a:ext uri="{FF2B5EF4-FFF2-40B4-BE49-F238E27FC236}">
                <a16:creationId xmlns:a16="http://schemas.microsoft.com/office/drawing/2014/main" id="{E540840C-DF6F-F6A3-8AA9-F3D24AAE030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4" name="Navn" descr="{&quot;templafy&quot;:{&quot;id&quot;:&quot;c248e555-d792-49d5-b1b0-4d5c1c2eb168&quot;}}">
            <a:extLst>
              <a:ext uri="{FF2B5EF4-FFF2-40B4-BE49-F238E27FC236}">
                <a16:creationId xmlns:a16="http://schemas.microsoft.com/office/drawing/2014/main" id="{8921EA11-4BE7-ACD7-E1DF-415FB777F6C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5" name="Dato" descr="{&quot;templafy&quot;:{&quot;id&quot;:&quot;4f82ed8a-c7ad-4d59-a398-4010b8208665&quot;}}">
            <a:extLst>
              <a:ext uri="{FF2B5EF4-FFF2-40B4-BE49-F238E27FC236}">
                <a16:creationId xmlns:a16="http://schemas.microsoft.com/office/drawing/2014/main" id="{8C1D7A74-0007-DCA4-72C3-B32C9BA5984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1" name="CenterFreeText" descr="{&quot;templafy&quot;:{&quot;id&quot;:&quot;70ecf64b-eff6-4860-8289-7136a22f1da7&quot;}}" hidden="1">
            <a:extLst>
              <a:ext uri="{FF2B5EF4-FFF2-40B4-BE49-F238E27FC236}">
                <a16:creationId xmlns:a16="http://schemas.microsoft.com/office/drawing/2014/main" id="{029D1C94-E9A0-055F-FC60-5357C133711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6" name="Center" descr="{&quot;templafy&quot;:{&quot;id&quot;:&quot;60c3cd68-1d49-454e-9567-603e8005459f&quot;}}">
            <a:extLst>
              <a:ext uri="{FF2B5EF4-FFF2-40B4-BE49-F238E27FC236}">
                <a16:creationId xmlns:a16="http://schemas.microsoft.com/office/drawing/2014/main" id="{AB963842-5979-0D2F-5B98-5EFB1C3888F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26800" y="871200"/>
            <a:ext cx="103716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27126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F093252F-E572-015C-6516-C605E28DB40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1144504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Footer Placeholder 3" hidden="1">
            <a:extLst>
              <a:ext uri="{FF2B5EF4-FFF2-40B4-BE49-F238E27FC236}">
                <a16:creationId xmlns:a16="http://schemas.microsoft.com/office/drawing/2014/main" id="{1FA1019E-E4A6-F017-D22C-7EA82B36E9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8" name="Date Placeholder 4" hidden="1">
            <a:extLst>
              <a:ext uri="{FF2B5EF4-FFF2-40B4-BE49-F238E27FC236}">
                <a16:creationId xmlns:a16="http://schemas.microsoft.com/office/drawing/2014/main" id="{3915DFF8-A0B1-A68F-EA50-E9722FA9BCB9}"/>
              </a:ext>
            </a:extLst>
          </p:cNvPr>
          <p:cNvSpPr>
            <a:spLocks noGrp="1"/>
          </p:cNvSpPr>
          <p:nvPr>
            <p:ph type="dt" sz="half" idx="14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19" name="Rektangel 19">
            <a:extLst>
              <a:ext uri="{FF2B5EF4-FFF2-40B4-BE49-F238E27FC236}">
                <a16:creationId xmlns:a16="http://schemas.microsoft.com/office/drawing/2014/main" id="{29413298-8523-18A7-DC35-1D3D141EC5D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9984234" name="Logoimage" descr="{&quot;templafy&quot;:{&quot;id&quot;:&quot;5657af6e-f842-45e9-9377-e795b891173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d3e02c63-f6a0-446e-8af1-3413ce13229b&quot;}}">
            <a:extLst>
              <a:ext uri="{FF2B5EF4-FFF2-40B4-BE49-F238E27FC236}">
                <a16:creationId xmlns:a16="http://schemas.microsoft.com/office/drawing/2014/main" id="{6E4177D0-4ECE-5C88-3CD9-7D2BFE07B0E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5" name="CenterFreeText" descr="{&quot;templafy&quot;:{&quot;id&quot;:&quot;ab42cb29-ec68-4535-af1f-f3b643abee47&quot;}}" hidden="1">
            <a:extLst>
              <a:ext uri="{FF2B5EF4-FFF2-40B4-BE49-F238E27FC236}">
                <a16:creationId xmlns:a16="http://schemas.microsoft.com/office/drawing/2014/main" id="{01CB1B7D-78A2-0E38-CFA0-5CD8704FF68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6" name="Center" descr="{&quot;templafy&quot;:{&quot;id&quot;:&quot;50c09fcf-3771-45bd-bbb7-7d5115c5342b&quot;}}">
            <a:extLst>
              <a:ext uri="{FF2B5EF4-FFF2-40B4-BE49-F238E27FC236}">
                <a16:creationId xmlns:a16="http://schemas.microsoft.com/office/drawing/2014/main" id="{675E03B9-58B8-50D7-EA99-F55BAB38154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pic>
        <p:nvPicPr>
          <p:cNvPr id="889550665" name="ExtralogoTopimage" descr="{&quot;templafy&quot;:{&quot;id&quot;:&quot;f517c651-c220-4547-b299-928a6b36ff0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2062094329" name="ExtralogoBottomimage" descr="{&quot;templafy&quot;:{&quot;id&quot;:&quot;4f1ba8dd-ed71-4972-be17-1203b742f72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2" name="Titel" descr="{&quot;templafy&quot;:{&quot;id&quot;:&quot;340dbc77-7547-40f3-83e3-8590569a8a3c&quot;}}">
            <a:extLst>
              <a:ext uri="{FF2B5EF4-FFF2-40B4-BE49-F238E27FC236}">
                <a16:creationId xmlns:a16="http://schemas.microsoft.com/office/drawing/2014/main" id="{390EF528-08DA-F48D-6792-7556302B9D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3" name="Navn" descr="{&quot;templafy&quot;:{&quot;id&quot;:&quot;186df7ab-823b-4dbc-ad81-eb324ae875f5&quot;}}">
            <a:extLst>
              <a:ext uri="{FF2B5EF4-FFF2-40B4-BE49-F238E27FC236}">
                <a16:creationId xmlns:a16="http://schemas.microsoft.com/office/drawing/2014/main" id="{FC70ECC4-F086-4338-54CC-B924F0AD4CF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4" name="Dato" descr="{&quot;templafy&quot;:{&quot;id&quot;:&quot;653f79ba-07b6-478e-8058-542c7c889b8b&quot;}}">
            <a:extLst>
              <a:ext uri="{FF2B5EF4-FFF2-40B4-BE49-F238E27FC236}">
                <a16:creationId xmlns:a16="http://schemas.microsoft.com/office/drawing/2014/main" id="{435EFA30-834E-5872-DC4D-0C66F0CBD6F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3" name="Titel 1">
            <a:extLst>
              <a:ext uri="{FF2B5EF4-FFF2-40B4-BE49-F238E27FC236}">
                <a16:creationId xmlns:a16="http://schemas.microsoft.com/office/drawing/2014/main" id="{5706F69D-D578-9942-BE77-6C6868C8C2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3535F46E-4C71-DB2B-F6F1-3B9D207067F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6" y="1989138"/>
            <a:ext cx="3214800" cy="3708400"/>
          </a:xfrm>
        </p:spPr>
        <p:txBody>
          <a:bodyPr vert="horz" lIns="0" tIns="0" rIns="0" bIns="0" rtlCol="0">
            <a:noAutofit/>
          </a:bodyPr>
          <a:lstStyle>
            <a:lvl1pPr marL="126000" indent="-126000">
              <a:defRPr lang="da-DK" sz="1800" noProof="0" dirty="0"/>
            </a:lvl1pPr>
            <a:lvl2pPr marL="450000" indent="-108000">
              <a:defRPr lang="da-DK" sz="1600" noProof="0" dirty="0"/>
            </a:lvl2pPr>
            <a:lvl3pPr marL="810000" indent="-108000">
              <a:defRPr lang="da-DK" sz="1400" noProof="0" dirty="0"/>
            </a:lvl3pPr>
            <a:lvl4pPr marL="1152000" indent="-90000">
              <a:defRPr lang="da-DK" sz="1200" noProof="0" dirty="0"/>
            </a:lvl4pPr>
            <a:lvl5pPr marL="1512000" indent="-90000">
              <a:defRPr lang="da-DK" sz="1000" noProof="0" dirty="0"/>
            </a:lvl5pPr>
            <a:lvl6pPr marL="1872000">
              <a:defRPr lang="da-DK" sz="1000" noProof="0" dirty="0"/>
            </a:lvl6pPr>
            <a:lvl7pPr marL="2232000">
              <a:defRPr lang="da-DK" sz="1000" noProof="0" dirty="0"/>
            </a:lvl7pPr>
            <a:lvl8pPr marL="2592000">
              <a:defRPr lang="da-DK" sz="1000" noProof="0" dirty="0"/>
            </a:lvl8pPr>
            <a:lvl9pPr marL="2952000">
              <a:defRPr lang="da-DK" sz="1000" noProof="0" dirty="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49E6F244-DD0A-5385-CD38-6B185CA84A81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7055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en-GB" noProof="0" dirty="0" err="1"/>
              <a:t>Brødtekst</a:t>
            </a:r>
            <a:r>
              <a:rPr lang="en-GB" noProof="0" dirty="0"/>
              <a:t> 18pt </a:t>
            </a:r>
            <a:r>
              <a:rPr lang="en-GB" noProof="0" dirty="0" err="1"/>
              <a:t>skrives</a:t>
            </a:r>
            <a:r>
              <a:rPr lang="en-GB" noProof="0" dirty="0"/>
              <a:t> her</a:t>
            </a:r>
          </a:p>
          <a:p>
            <a:pPr lvl="1"/>
            <a:r>
              <a:rPr lang="en-GB" noProof="0" dirty="0" err="1"/>
              <a:t>Anden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endParaRPr lang="da-DK" noProof="0" dirty="0"/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F2C22B-7939-93E1-838F-A77CA8AC59FA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8283926" y="1989138"/>
            <a:ext cx="3214800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  <a:p>
            <a:pPr lvl="7"/>
            <a:r>
              <a:rPr lang="da-DK" noProof="0" dirty="0"/>
              <a:t>Ottende niveau</a:t>
            </a:r>
          </a:p>
          <a:p>
            <a:pPr lvl="8"/>
            <a:r>
              <a:rPr lang="da-DK" noProof="0" dirty="0"/>
              <a:t>Niend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0179773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734">
          <p15:clr>
            <a:srgbClr val="A4A3A4"/>
          </p15:clr>
        </p15:guide>
        <p15:guide id="3" pos="2963">
          <p15:clr>
            <a:srgbClr val="A4A3A4"/>
          </p15:clr>
        </p15:guide>
        <p15:guide id="4" pos="4988">
          <p15:clr>
            <a:srgbClr val="A4A3A4"/>
          </p15:clr>
        </p15:guide>
        <p15:guide id="5" pos="5215">
          <p15:clr>
            <a:srgbClr val="A4A3A4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3" hidden="1">
            <a:extLst>
              <a:ext uri="{FF2B5EF4-FFF2-40B4-BE49-F238E27FC236}">
                <a16:creationId xmlns:a16="http://schemas.microsoft.com/office/drawing/2014/main" id="{D6E8FA21-6E2F-6595-2596-174E419CD57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Date Placeholder 4" hidden="1">
            <a:extLst>
              <a:ext uri="{FF2B5EF4-FFF2-40B4-BE49-F238E27FC236}">
                <a16:creationId xmlns:a16="http://schemas.microsoft.com/office/drawing/2014/main" id="{E99B5C91-2C19-9947-3DA4-3BA27332281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93E31414-1225-47F8-9252-4C3DEBA2397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88704472" name="Logoimage" descr="{&quot;templafy&quot;:{&quot;id&quot;:&quot;c5ae58bc-d99e-4f26-a2b9-0f7db198a9b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efabffe2-d63d-4318-bc50-6de6c6031341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2" name="CenterFreeText" descr="{&quot;templafy&quot;:{&quot;id&quot;:&quot;ddac05f1-5429-4b66-baaa-7749fb191fbe&quot;}}" hidden="1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3" name="Center" descr="{&quot;templafy&quot;:{&quot;id&quot;:&quot;811c4a0e-4ce1-47fa-a939-1376b1e89fac&quot;}}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pic>
        <p:nvPicPr>
          <p:cNvPr id="1651344253" name="ExtralogoTopimage" descr="{&quot;templafy&quot;:{&quot;id&quot;:&quot;725d0450-36a5-40da-a2b1-c625443abf4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99305736" name="ExtralogoBottomimage" descr="{&quot;templafy&quot;:{&quot;id&quot;:&quot;9c713dfe-92e3-4584-84d0-24daf5a792a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56c071db-3276-47da-8e1c-640afab7f80e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4e697e6f-5a1b-4510-b00b-79c7bfc89bb1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9" name="Dato" descr="{&quot;templafy&quot;:{&quot;id&quot;:&quot;5bcca84d-8305-4c2b-8e47-520031c4bafa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1989137"/>
            <a:ext cx="2322000" cy="3708401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443097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spalter - foto &amp;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" name="Footer Placeholder 3" hidden="1">
            <a:extLst>
              <a:ext uri="{FF2B5EF4-FFF2-40B4-BE49-F238E27FC236}">
                <a16:creationId xmlns:a16="http://schemas.microsoft.com/office/drawing/2014/main" id="{A0298306-FEFE-FC79-BDB9-82F08009AF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23" name="Date Placeholder 4" hidden="1">
            <a:extLst>
              <a:ext uri="{FF2B5EF4-FFF2-40B4-BE49-F238E27FC236}">
                <a16:creationId xmlns:a16="http://schemas.microsoft.com/office/drawing/2014/main" id="{C513C651-498D-86FD-657D-5909DA7ABB5F}"/>
              </a:ext>
            </a:extLst>
          </p:cNvPr>
          <p:cNvSpPr>
            <a:spLocks noGrp="1"/>
          </p:cNvSpPr>
          <p:nvPr>
            <p:ph type="dt" sz="half" idx="26"/>
          </p:nvPr>
        </p:nvSpPr>
        <p:spPr>
          <a:xfrm>
            <a:off x="0" y="684720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24" name="Rektangel 19">
            <a:extLst>
              <a:ext uri="{FF2B5EF4-FFF2-40B4-BE49-F238E27FC236}">
                <a16:creationId xmlns:a16="http://schemas.microsoft.com/office/drawing/2014/main" id="{A546CCD1-DD8D-BDB4-0758-7C786C63136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33489354" name="Logoimage" descr="{&quot;templafy&quot;:{&quot;id&quot;:&quot;3ca27faf-e3f4-407f-bcbb-226d009cc39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sp>
        <p:nvSpPr>
          <p:cNvPr id="11" name="Virksomhed" descr="{&quot;templafy&quot;:{&quot;id&quot;:&quot;dc2cf958-7083-4607-89a1-637059a259cc&quot;}}">
            <a:extLst>
              <a:ext uri="{FF2B5EF4-FFF2-40B4-BE49-F238E27FC236}">
                <a16:creationId xmlns:a16="http://schemas.microsoft.com/office/drawing/2014/main" id="{BF420F3B-5815-A093-4592-10F9948E3B25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2" name="CenterFreeText" descr="{&quot;templafy&quot;:{&quot;id&quot;:&quot;15ab82b3-8e3d-4388-a15a-5ce1afdb74df&quot;}}" hidden="1">
            <a:extLst>
              <a:ext uri="{FF2B5EF4-FFF2-40B4-BE49-F238E27FC236}">
                <a16:creationId xmlns:a16="http://schemas.microsoft.com/office/drawing/2014/main" id="{EC99CBDC-1856-A4D6-3238-6FBD66719BB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3" name="Center" descr="{&quot;templafy&quot;:{&quot;id&quot;:&quot;a37e2101-3bc3-451f-a630-6ff37ea088e7&quot;}}">
            <a:extLst>
              <a:ext uri="{FF2B5EF4-FFF2-40B4-BE49-F238E27FC236}">
                <a16:creationId xmlns:a16="http://schemas.microsoft.com/office/drawing/2014/main" id="{ACDA0C44-E9ED-1AEC-6830-4F66C0FB4E1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pic>
        <p:nvPicPr>
          <p:cNvPr id="1331722702" name="ExtralogoTopimage" descr="{&quot;templafy&quot;:{&quot;id&quot;:&quot;1fcd8a6f-9f2c-46a3-996a-daa8c34bc3a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46443167" name="ExtralogoBottomimage" descr="{&quot;templafy&quot;:{&quot;id&quot;:&quot;f86e1a65-ef90-41b3-85f5-ef40ff3097c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itel" descr="{&quot;templafy&quot;:{&quot;id&quot;:&quot;2869f8b8-5ca8-43c5-9a51-4b5ff83fcc83&quot;}}">
            <a:extLst>
              <a:ext uri="{FF2B5EF4-FFF2-40B4-BE49-F238E27FC236}">
                <a16:creationId xmlns:a16="http://schemas.microsoft.com/office/drawing/2014/main" id="{48FFF43D-2B85-A1D3-1FAB-619324B2F215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8" name="Navn" descr="{&quot;templafy&quot;:{&quot;id&quot;:&quot;f90907f3-a1b6-4dcb-8fcf-7add313cdfb0&quot;}}">
            <a:extLst>
              <a:ext uri="{FF2B5EF4-FFF2-40B4-BE49-F238E27FC236}">
                <a16:creationId xmlns:a16="http://schemas.microsoft.com/office/drawing/2014/main" id="{9A0CC2C1-9FCA-BB54-5FC2-1241DE6A7E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9" name="Dato" descr="{&quot;templafy&quot;:{&quot;id&quot;:&quot;dfc2983b-f64a-4379-a415-5e32af753985&quot;}}">
            <a:extLst>
              <a:ext uri="{FF2B5EF4-FFF2-40B4-BE49-F238E27FC236}">
                <a16:creationId xmlns:a16="http://schemas.microsoft.com/office/drawing/2014/main" id="{72EE406B-BDF2-E366-AB99-E3C78E5C601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9" name="Titel 8">
            <a:extLst>
              <a:ext uri="{FF2B5EF4-FFF2-40B4-BE49-F238E27FC236}">
                <a16:creationId xmlns:a16="http://schemas.microsoft.com/office/drawing/2014/main" id="{344A462E-6373-FF78-3B79-0D993E23662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4" y="872078"/>
            <a:ext cx="10371600" cy="82691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6A34AE8-A86C-BBC0-698D-9544D11561F4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" name="Pladsholder til billede 2">
            <a:extLst>
              <a:ext uri="{FF2B5EF4-FFF2-40B4-BE49-F238E27FC236}">
                <a16:creationId xmlns:a16="http://schemas.microsoft.com/office/drawing/2014/main" id="{8B1C1857-CF7F-4FB3-D4BA-AD6EF25A5FFA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1127124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5" name="Pladsholder til indhold 3">
            <a:extLst>
              <a:ext uri="{FF2B5EF4-FFF2-40B4-BE49-F238E27FC236}">
                <a16:creationId xmlns:a16="http://schemas.microsoft.com/office/drawing/2014/main" id="{EC941C3A-F153-D159-09E1-B8521393FCCF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8103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17" name="Pladsholder til billede 3">
            <a:extLst>
              <a:ext uri="{FF2B5EF4-FFF2-40B4-BE49-F238E27FC236}">
                <a16:creationId xmlns:a16="http://schemas.microsoft.com/office/drawing/2014/main" id="{2ECD75EE-FA66-41A2-A757-AB1AFB10157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3810323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7" name="Pladsholder til indhold 4">
            <a:extLst>
              <a:ext uri="{FF2B5EF4-FFF2-40B4-BE49-F238E27FC236}">
                <a16:creationId xmlns:a16="http://schemas.microsoft.com/office/drawing/2014/main" id="{717E155C-EDCD-3209-9FE7-2CED06ACDC0D}"/>
              </a:ext>
            </a:extLst>
          </p:cNvPr>
          <p:cNvSpPr>
            <a:spLocks noGrp="1"/>
          </p:cNvSpPr>
          <p:nvPr>
            <p:ph sz="half" idx="13" hasCustomPrompt="1"/>
          </p:nvPr>
        </p:nvSpPr>
        <p:spPr>
          <a:xfrm>
            <a:off x="64935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3024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54F2624D-77EB-CC8D-8E80-D062C6AE711A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491288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8" name="Pladsholder til indhold 5">
            <a:extLst>
              <a:ext uri="{FF2B5EF4-FFF2-40B4-BE49-F238E27FC236}">
                <a16:creationId xmlns:a16="http://schemas.microsoft.com/office/drawing/2014/main" id="{A7F0EDB7-166F-F049-161D-F0420F804F5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176724" y="4349931"/>
            <a:ext cx="2322000" cy="1347607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CF000555-F63D-737C-05B0-6D976BDBCC1C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9175750" y="1990800"/>
            <a:ext cx="2322000" cy="2227188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6" name="Pladsholder til diasnummer 5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667EC89C-17A0-4E64-A6D2-B825673CEEDF}" type="slidenum">
              <a:rPr lang="en-US" smtClean="0"/>
              <a:pPr/>
              <a:t>‹nr.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9504104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2172">
          <p15:clr>
            <a:srgbClr val="A4A3A4"/>
          </p15:clr>
        </p15:guide>
        <p15:guide id="3" pos="2399">
          <p15:clr>
            <a:srgbClr val="A4A3A4"/>
          </p15:clr>
        </p15:guide>
        <p15:guide id="4" pos="5553">
          <p15:clr>
            <a:srgbClr val="A4A3A4"/>
          </p15:clr>
        </p15:guide>
        <p15:guide id="5" pos="5780">
          <p15:clr>
            <a:srgbClr val="A4A3A4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0307BEAD-FDC0-4FB2-B49D-C1D92AB629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22080660" name="Logoimage" descr="{&quot;templafy&quot;:{&quot;id&quot;:&quot;493109cf-64f7-4fe8-8658-ac3676b6487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642375525" name="ExtralogoBottomimage" descr="{&quot;templafy&quot;:{&quot;id&quot;:&quot;61020857-d85d-48bf-93ae-4c84b9d4e23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153977836" name="ExtralogoTopimage" descr="{&quot;templafy&quot;:{&quot;id&quot;:&quot;65f2a3f9-183a-4166-8a17-2e3e97d6d7a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6" name="Virksomhed" descr="{&quot;templafy&quot;:{&quot;id&quot;:&quot;09bfe8fc-f907-4af6-82e4-f7b9800cf783&quot;}}">
            <a:extLst>
              <a:ext uri="{FF2B5EF4-FFF2-40B4-BE49-F238E27FC236}">
                <a16:creationId xmlns:a16="http://schemas.microsoft.com/office/drawing/2014/main" id="{90006F38-D602-0464-468A-715320F0B9B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0" name="Titel" descr="{&quot;templafy&quot;:{&quot;id&quot;:&quot;695c405d-87f8-4921-861a-653bf845462e&quot;}}">
            <a:extLst>
              <a:ext uri="{FF2B5EF4-FFF2-40B4-BE49-F238E27FC236}">
                <a16:creationId xmlns:a16="http://schemas.microsoft.com/office/drawing/2014/main" id="{E5392E6D-A960-0F47-F053-E72384FE6440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1" name="Navn" descr="{&quot;templafy&quot;:{&quot;id&quot;:&quot;40b60b14-166f-4bd7-aef4-bc3013a27806&quot;}}">
            <a:extLst>
              <a:ext uri="{FF2B5EF4-FFF2-40B4-BE49-F238E27FC236}">
                <a16:creationId xmlns:a16="http://schemas.microsoft.com/office/drawing/2014/main" id="{31CB95FC-BC8A-D17B-B5A3-4093AA03C1A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2" name="Dato" descr="{&quot;templafy&quot;:{&quot;id&quot;:&quot;39f7e7f6-83ce-4740-97e5-27158168b859&quot;}}">
            <a:extLst>
              <a:ext uri="{FF2B5EF4-FFF2-40B4-BE49-F238E27FC236}">
                <a16:creationId xmlns:a16="http://schemas.microsoft.com/office/drawing/2014/main" id="{2F2A97E3-54D3-A4A4-82DA-8BB45AA04A7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3" name="CenterFreeText" descr="{&quot;templafy&quot;:{&quot;id&quot;:&quot;584af90f-5be5-43e7-9bcf-4a9f83264a03&quot;}}" hidden="1">
            <a:extLst>
              <a:ext uri="{FF2B5EF4-FFF2-40B4-BE49-F238E27FC236}">
                <a16:creationId xmlns:a16="http://schemas.microsoft.com/office/drawing/2014/main" id="{08B3095F-CB4F-0FC6-E258-E25EA00F174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4" name="Center" descr="{&quot;templafy&quot;:{&quot;id&quot;:&quot;118b3e61-12d7-4268-aad7-8336e942c7ea&quot;}}">
            <a:extLst>
              <a:ext uri="{FF2B5EF4-FFF2-40B4-BE49-F238E27FC236}">
                <a16:creationId xmlns:a16="http://schemas.microsoft.com/office/drawing/2014/main" id="{05695839-992D-54F9-642A-759453F9B6D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43" name="Titel 1">
            <a:extLst>
              <a:ext uri="{FF2B5EF4-FFF2-40B4-BE49-F238E27FC236}">
                <a16:creationId xmlns:a16="http://schemas.microsoft.com/office/drawing/2014/main" id="{939893EA-43B4-43AB-A2B1-5287FEB459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7126" y="1700213"/>
            <a:ext cx="5005388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45" name="Pladsholder til indhold 3">
            <a:extLst>
              <a:ext uri="{FF2B5EF4-FFF2-40B4-BE49-F238E27FC236}">
                <a16:creationId xmlns:a16="http://schemas.microsoft.com/office/drawing/2014/main" id="{43C927C7-BB40-4957-B24E-6E831BCE2C0D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127124" y="2818800"/>
            <a:ext cx="5005389" cy="2880000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21" name="Pladsholder til billede 2">
            <a:extLst>
              <a:ext uri="{FF2B5EF4-FFF2-40B4-BE49-F238E27FC236}">
                <a16:creationId xmlns:a16="http://schemas.microsoft.com/office/drawing/2014/main" id="{9D1524E1-A0B6-4A31-98B3-230C59DD95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19BE1E5-66C4-5F11-5280-1C2965857FB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425028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4 x foto/grafi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C26818D7-A2E5-010E-024E-E3A181A5746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5E7E0896-0671-AED6-883E-253D4F3C0E9F}"/>
              </a:ext>
            </a:extLst>
          </p:cNvPr>
          <p:cNvSpPr>
            <a:spLocks noGrp="1"/>
          </p:cNvSpPr>
          <p:nvPr>
            <p:ph type="dt" sz="half" idx="1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6" name="Rektangel 19">
            <a:extLst>
              <a:ext uri="{FF2B5EF4-FFF2-40B4-BE49-F238E27FC236}">
                <a16:creationId xmlns:a16="http://schemas.microsoft.com/office/drawing/2014/main" id="{59A81804-D36B-0D64-E30F-0B8B10E718D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460425596" name="Logoimage" descr="{&quot;templafy&quot;:{&quot;id&quot;:&quot;07ce485e-c6c1-486e-9f25-d717a727ed0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003497024" name="ExtralogoBottomimage" descr="{&quot;templafy&quot;:{&quot;id&quot;:&quot;655f92f0-841c-48ee-bc5a-d2bbf4e7f4a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193107509" name="ExtralogoTopimage" descr="{&quot;templafy&quot;:{&quot;id&quot;:&quot;be588bee-050f-40f0-9f5a-bdff394af71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Virksomhed" descr="{&quot;templafy&quot;:{&quot;id&quot;:&quot;47096f99-cd21-429e-b3fe-a61096d35a7e&quot;}}">
            <a:extLst>
              <a:ext uri="{FF2B5EF4-FFF2-40B4-BE49-F238E27FC236}">
                <a16:creationId xmlns:a16="http://schemas.microsoft.com/office/drawing/2014/main" id="{9DEAD66C-E808-AB49-CB5D-98D306F910C1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igshospitalet</a:t>
            </a:r>
          </a:p>
        </p:txBody>
      </p:sp>
      <p:sp>
        <p:nvSpPr>
          <p:cNvPr id="11" name="Titel" descr="{&quot;templafy&quot;:{&quot;id&quot;:&quot;a8cf6dd5-87e9-4bec-bcdc-04d523a6afcd&quot;}}">
            <a:extLst>
              <a:ext uri="{FF2B5EF4-FFF2-40B4-BE49-F238E27FC236}">
                <a16:creationId xmlns:a16="http://schemas.microsoft.com/office/drawing/2014/main" id="{BD224E32-AFBB-9A0B-1BD7-AD1EFF924537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/>
          </a:p>
        </p:txBody>
      </p:sp>
      <p:sp>
        <p:nvSpPr>
          <p:cNvPr id="12" name="Navn" descr="{&quot;templafy&quot;:{&quot;id&quot;:&quot;25678e70-2f13-4589-979b-4947e6b39641&quot;}}">
            <a:extLst>
              <a:ext uri="{FF2B5EF4-FFF2-40B4-BE49-F238E27FC236}">
                <a16:creationId xmlns:a16="http://schemas.microsoft.com/office/drawing/2014/main" id="{17EE92DB-8798-07E2-276E-4F48EF0DD73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Bente Buch</a:t>
            </a:r>
          </a:p>
        </p:txBody>
      </p:sp>
      <p:sp>
        <p:nvSpPr>
          <p:cNvPr id="13" name="Dato" descr="{&quot;templafy&quot;:{&quot;id&quot;:&quot;b2b5330e-ff27-41f6-b60a-14fce4992aa3&quot;}}">
            <a:extLst>
              <a:ext uri="{FF2B5EF4-FFF2-40B4-BE49-F238E27FC236}">
                <a16:creationId xmlns:a16="http://schemas.microsoft.com/office/drawing/2014/main" id="{118B9469-B40E-D872-3EEB-7AC95F8F84F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/>
          </a:p>
        </p:txBody>
      </p:sp>
      <p:sp>
        <p:nvSpPr>
          <p:cNvPr id="14" name="CenterFreeText" descr="{&quot;templafy&quot;:{&quot;id&quot;:&quot;82b0af33-0916-4648-ba5c-9cd7645c1d57&quot;}}" hidden="1">
            <a:extLst>
              <a:ext uri="{FF2B5EF4-FFF2-40B4-BE49-F238E27FC236}">
                <a16:creationId xmlns:a16="http://schemas.microsoft.com/office/drawing/2014/main" id="{6761E23E-066B-ABFB-DEC4-01D393A94FE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OMO 7014</a:t>
            </a:r>
          </a:p>
        </p:txBody>
      </p:sp>
      <p:sp>
        <p:nvSpPr>
          <p:cNvPr id="15" name="Center" descr="{&quot;templafy&quot;:{&quot;id&quot;:&quot;2c3c6b28-f60a-4d34-b75a-c38851933b47&quot;}}">
            <a:extLst>
              <a:ext uri="{FF2B5EF4-FFF2-40B4-BE49-F238E27FC236}">
                <a16:creationId xmlns:a16="http://schemas.microsoft.com/office/drawing/2014/main" id="{2C012846-F490-E905-23F1-6DD42270285B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HovedOrtoCentre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5E5D5202-ABD5-0939-672F-7C090F2B5EB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26799" y="871200"/>
            <a:ext cx="5004000" cy="1908000"/>
          </a:xfrm>
        </p:spPr>
        <p:txBody>
          <a:bodyPr/>
          <a:lstStyle/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17" name="Pladsholder til indhold 2">
            <a:extLst>
              <a:ext uri="{FF2B5EF4-FFF2-40B4-BE49-F238E27FC236}">
                <a16:creationId xmlns:a16="http://schemas.microsoft.com/office/drawing/2014/main" id="{5152FEA7-4883-F8E4-1643-F888932B224D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1127125" y="3070800"/>
            <a:ext cx="5004000" cy="2626738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 sz="1000"/>
            </a:lvl8pPr>
            <a:lvl9pPr marL="2952000">
              <a:defRPr sz="1000"/>
            </a:lvl9pPr>
          </a:lstStyle>
          <a:p>
            <a:pPr lvl="0"/>
            <a:r>
              <a:rPr lang="da-DK" noProof="0" dirty="0"/>
              <a:t>Brødtekst 18pt skrives her</a:t>
            </a:r>
          </a:p>
          <a:p>
            <a:pPr lvl="1"/>
            <a:r>
              <a:rPr lang="da-DK" noProof="0" dirty="0"/>
              <a:t>Anden niveau</a:t>
            </a:r>
          </a:p>
          <a:p>
            <a:pPr lvl="2"/>
            <a:r>
              <a:rPr lang="da-DK" noProof="0" dirty="0"/>
              <a:t>Tredje niveau</a:t>
            </a:r>
          </a:p>
          <a:p>
            <a:pPr lvl="3"/>
            <a:r>
              <a:rPr lang="da-DK" noProof="0" dirty="0"/>
              <a:t>Fjerde niveau</a:t>
            </a:r>
          </a:p>
          <a:p>
            <a:pPr lvl="4"/>
            <a:r>
              <a:rPr lang="da-DK" noProof="0" dirty="0"/>
              <a:t>Femte niveau</a:t>
            </a:r>
          </a:p>
          <a:p>
            <a:pPr lvl="5"/>
            <a:r>
              <a:rPr lang="da-DK" noProof="0" dirty="0"/>
              <a:t>Sjette niveau</a:t>
            </a:r>
          </a:p>
          <a:p>
            <a:pPr lvl="6"/>
            <a:r>
              <a:rPr lang="da-DK" noProof="0" dirty="0"/>
              <a:t>Syvende niveau</a:t>
            </a:r>
          </a:p>
        </p:txBody>
      </p:sp>
      <p:sp>
        <p:nvSpPr>
          <p:cNvPr id="18" name="Pladsholder til billede 2">
            <a:extLst>
              <a:ext uri="{FF2B5EF4-FFF2-40B4-BE49-F238E27FC236}">
                <a16:creationId xmlns:a16="http://schemas.microsoft.com/office/drawing/2014/main" id="{679FD232-1986-8B27-66F7-4586625CA36A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6498001" y="1"/>
            <a:ext cx="3299142" cy="2601606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9" name="Pladsholder til billede 3">
            <a:extLst>
              <a:ext uri="{FF2B5EF4-FFF2-40B4-BE49-F238E27FC236}">
                <a16:creationId xmlns:a16="http://schemas.microsoft.com/office/drawing/2014/main" id="{81561707-48CC-17B1-0A45-F4FF26B7D5CE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10220279" y="1710417"/>
            <a:ext cx="1954097" cy="1611190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0" name="Pladsholder til billede 4">
            <a:extLst>
              <a:ext uri="{FF2B5EF4-FFF2-40B4-BE49-F238E27FC236}">
                <a16:creationId xmlns:a16="http://schemas.microsoft.com/office/drawing/2014/main" id="{A0D0BD77-D8C7-35CE-E62E-889E3F6DCC49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851288" y="2961606"/>
            <a:ext cx="2193328" cy="275077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1" name="Pladsholder til billede 5">
            <a:extLst>
              <a:ext uri="{FF2B5EF4-FFF2-40B4-BE49-F238E27FC236}">
                <a16:creationId xmlns:a16="http://schemas.microsoft.com/office/drawing/2014/main" id="{288001CD-12FE-142F-90D6-400597BB9B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9357952" y="3681607"/>
            <a:ext cx="2490354" cy="2406395"/>
          </a:xfrm>
        </p:spPr>
        <p:txBody>
          <a:bodyPr tIns="936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844EBB5-B94F-759B-8617-682C3BB1CEA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957292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548">
          <p15:clr>
            <a:srgbClr val="A4A3A4"/>
          </p15:clr>
        </p15:guide>
        <p15:guide id="2" pos="3748">
          <p15:clr>
            <a:srgbClr val="A4A3A4"/>
          </p15:clr>
        </p15:guide>
        <p15:guide id="3" pos="3975">
          <p15:clr>
            <a:srgbClr val="A4A3A4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theme" Target="../theme/theme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27124" y="872078"/>
            <a:ext cx="10371600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27125" y="1993524"/>
            <a:ext cx="10369549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3000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da-DK" dirty="0"/>
          </a:p>
        </p:txBody>
      </p:sp>
      <p:sp>
        <p:nvSpPr>
          <p:cNvPr id="4" name="Dato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6" r:id="rId1"/>
    <p:sldLayoutId id="2147483693" r:id="rId2"/>
    <p:sldLayoutId id="2147483677" r:id="rId3"/>
    <p:sldLayoutId id="2147483678" r:id="rId4"/>
    <p:sldLayoutId id="2147483695" r:id="rId5"/>
    <p:sldLayoutId id="2147483696" r:id="rId6"/>
    <p:sldLayoutId id="2147483697" r:id="rId7"/>
    <p:sldLayoutId id="2147483679" r:id="rId8"/>
    <p:sldLayoutId id="2147483698" r:id="rId9"/>
    <p:sldLayoutId id="2147483699" r:id="rId10"/>
    <p:sldLayoutId id="2147483689" r:id="rId11"/>
    <p:sldLayoutId id="2147483690" r:id="rId12"/>
    <p:sldLayoutId id="2147483658" r:id="rId13"/>
    <p:sldLayoutId id="2147483692" r:id="rId14"/>
    <p:sldLayoutId id="2147483694" r:id="rId15"/>
    <p:sldLayoutId id="2147483682" r:id="rId16"/>
    <p:sldLayoutId id="2147483683" r:id="rId17"/>
    <p:sldLayoutId id="2147483686" r:id="rId18"/>
    <p:sldLayoutId id="2147483700" r:id="rId19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1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5.xml"/><Relationship Id="rId5" Type="http://schemas.openxmlformats.org/officeDocument/2006/relationships/image" Target="../media/image7.png"/><Relationship Id="rId4" Type="http://schemas.openxmlformats.org/officeDocument/2006/relationships/image" Target="../media/image6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5.xml"/><Relationship Id="rId5" Type="http://schemas.openxmlformats.org/officeDocument/2006/relationships/image" Target="../media/image11.png"/><Relationship Id="rId4" Type="http://schemas.openxmlformats.org/officeDocument/2006/relationships/image" Target="../media/image10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14.png"/><Relationship Id="rId4" Type="http://schemas.openxmlformats.org/officeDocument/2006/relationships/image" Target="../media/image13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10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2.xml"/><Relationship Id="rId5" Type="http://schemas.openxmlformats.org/officeDocument/2006/relationships/image" Target="../media/image21.png"/><Relationship Id="rId4" Type="http://schemas.openxmlformats.org/officeDocument/2006/relationships/image" Target="../media/image20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10A11EA-994F-434E-998B-8D504439243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da-DK" dirty="0"/>
              <a:t>Som TAK for legat fra DSDK </a:t>
            </a:r>
          </a:p>
        </p:txBody>
      </p:sp>
      <p:sp>
        <p:nvSpPr>
          <p:cNvPr id="3" name="Undertitel 2">
            <a:extLst>
              <a:ext uri="{FF2B5EF4-FFF2-40B4-BE49-F238E27FC236}">
                <a16:creationId xmlns:a16="http://schemas.microsoft.com/office/drawing/2014/main" id="{2868F6EC-EFF7-4884-B379-8FF6CB2AF6B3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129643" y="3268717"/>
            <a:ext cx="10371275" cy="3020483"/>
          </a:xfrm>
        </p:spPr>
        <p:txBody>
          <a:bodyPr/>
          <a:lstStyle/>
          <a:p>
            <a:r>
              <a:rPr lang="da-DK" dirty="0"/>
              <a:t>Hvem er jeg: Klinisk sygeplejespecialist Bente Buch</a:t>
            </a:r>
          </a:p>
          <a:p>
            <a:endParaRPr lang="da-DK" dirty="0"/>
          </a:p>
          <a:p>
            <a:r>
              <a:rPr lang="da-DK" dirty="0"/>
              <a:t>Hvor kommer jeg fra: Rigshospitalet Nordfløjen 7014</a:t>
            </a:r>
          </a:p>
          <a:p>
            <a:endParaRPr lang="da-DK" dirty="0"/>
          </a:p>
          <a:p>
            <a:r>
              <a:rPr lang="da-DK" dirty="0"/>
              <a:t>Hvad skal jeg bruge pengene til: ICPAN 2025</a:t>
            </a:r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BE53D04D-0928-40CA-8DBA-C844CF2EC90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/>
          <a:p>
            <a:fld id="{0DAB5548-7253-48D6-B95B-F3D312A72220}" type="slidenum">
              <a:rPr lang="da-DK" smtClean="0"/>
              <a:pPr/>
              <a:t>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9674092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8">
            <a:extLst>
              <a:ext uri="{FF2B5EF4-FFF2-40B4-BE49-F238E27FC236}">
                <a16:creationId xmlns:a16="http://schemas.microsoft.com/office/drawing/2014/main" id="{776953D4-4B88-EB66-89BD-B2452C31025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77766" y="871200"/>
            <a:ext cx="10720634" cy="827497"/>
          </a:xfrm>
        </p:spPr>
        <p:txBody>
          <a:bodyPr/>
          <a:lstStyle/>
          <a:p>
            <a:endParaRPr lang="da-DK" dirty="0"/>
          </a:p>
        </p:txBody>
      </p:sp>
      <p:pic>
        <p:nvPicPr>
          <p:cNvPr id="4" name="Pladsholder til indhold 3">
            <a:extLst>
              <a:ext uri="{FF2B5EF4-FFF2-40B4-BE49-F238E27FC236}">
                <a16:creationId xmlns:a16="http://schemas.microsoft.com/office/drawing/2014/main" id="{B41D3770-FD28-267A-1273-7C8566E1A779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4"/>
          <a:stretch>
            <a:fillRect/>
          </a:stretch>
        </p:blipFill>
        <p:spPr>
          <a:xfrm>
            <a:off x="1243007" y="2010159"/>
            <a:ext cx="5640946" cy="3708400"/>
          </a:xfrm>
        </p:spPr>
      </p:pic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7D3564FE-4374-4562-A095-F70C0C584813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>
          <a:xfrm>
            <a:off x="11504613" y="6300000"/>
            <a:ext cx="687386" cy="180000"/>
          </a:xfrm>
        </p:spPr>
        <p:txBody>
          <a:bodyPr/>
          <a:lstStyle/>
          <a:p>
            <a:fld id="{667EC89C-17A0-4E64-A6D2-B825673CEEDF}" type="slidenum">
              <a:rPr lang="da-DK" smtClean="0"/>
              <a:pPr/>
              <a:t>2</a:t>
            </a:fld>
            <a:endParaRPr lang="da-DK" dirty="0"/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3E155F5F-DAC5-EFEA-2B2A-B9C1BFD79F73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964326" y="2806261"/>
            <a:ext cx="4710882" cy="264860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9551677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E54951-7ACD-53F3-7F27-F9CF85A969D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Bedøvelse, operation &amp; Traum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9E6CB484-FD4C-C267-B998-C6F143896DB1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dirty="0"/>
              <a:t>Ny i dagkirurgi (5 år)</a:t>
            </a:r>
          </a:p>
          <a:p>
            <a:r>
              <a:rPr lang="da-DK" dirty="0"/>
              <a:t>Mixed cases en </a:t>
            </a:r>
            <a:r>
              <a:rPr lang="da-DK" dirty="0" err="1"/>
              <a:t>udfrodring</a:t>
            </a:r>
            <a:endParaRPr lang="da-DK" dirty="0"/>
          </a:p>
          <a:p>
            <a:r>
              <a:rPr lang="da-DK" dirty="0"/>
              <a:t>Patient tilfredshed 😏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34583FD5-AC2F-2B88-76F2-6CAFD2E42AAF}"/>
              </a:ext>
            </a:extLst>
          </p:cNvPr>
          <p:cNvSpPr>
            <a:spLocks noGrp="1"/>
          </p:cNvSpPr>
          <p:nvPr>
            <p:ph sz="half" idx="2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9DB2C433-E67E-F771-0AD5-7C849D05A467}"/>
              </a:ext>
            </a:extLst>
          </p:cNvPr>
          <p:cNvSpPr>
            <a:spLocks noGrp="1"/>
          </p:cNvSpPr>
          <p:nvPr>
            <p:ph sz="half" idx="13"/>
          </p:nvPr>
        </p:nvSpPr>
        <p:spPr/>
        <p:txBody>
          <a:bodyPr/>
          <a:lstStyle/>
          <a:p>
            <a:pPr marL="0" indent="0">
              <a:buNone/>
            </a:pPr>
            <a:endParaRPr lang="da-DK" dirty="0"/>
          </a:p>
        </p:txBody>
      </p:sp>
      <p:sp>
        <p:nvSpPr>
          <p:cNvPr id="6" name="Pladsholder til slidenummer 5">
            <a:extLst>
              <a:ext uri="{FF2B5EF4-FFF2-40B4-BE49-F238E27FC236}">
                <a16:creationId xmlns:a16="http://schemas.microsoft.com/office/drawing/2014/main" id="{17765372-3DBC-E964-6E39-AE8CE2BBC44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en-US" smtClean="0"/>
              <a:pPr/>
              <a:t>3</a:t>
            </a:fld>
            <a:endParaRPr lang="en-US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43EB438C-3A91-6399-05BC-1DFC448459D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711789" y="205372"/>
            <a:ext cx="4915586" cy="3315163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242115D7-C937-50EA-0F20-3665D6E62CF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43570" y="3563266"/>
            <a:ext cx="10126488" cy="1247949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97707FDA-B11B-F5D9-A6C2-6B586FB5F58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50719" y="4763650"/>
            <a:ext cx="7392432" cy="714475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5C07F915-C907-2EFE-F86D-058F8A7E77B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43570" y="5524016"/>
            <a:ext cx="11736438" cy="114316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2309094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F0E69E2C-B2BE-730C-6271-CBFA52888E0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International Collaboration of </a:t>
            </a:r>
            <a:r>
              <a:rPr lang="da-DK" dirty="0" err="1"/>
              <a:t>PeriAnesthesia</a:t>
            </a:r>
            <a:r>
              <a:rPr lang="da-DK" dirty="0"/>
              <a:t> Nurses (ICPAN)</a:t>
            </a:r>
          </a:p>
        </p:txBody>
      </p:sp>
      <p:pic>
        <p:nvPicPr>
          <p:cNvPr id="11" name="Pladsholder til indhold 10">
            <a:extLst>
              <a:ext uri="{FF2B5EF4-FFF2-40B4-BE49-F238E27FC236}">
                <a16:creationId xmlns:a16="http://schemas.microsoft.com/office/drawing/2014/main" id="{75DDD3E9-0769-EADD-3247-98845E68FE16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3"/>
          <a:stretch>
            <a:fillRect/>
          </a:stretch>
        </p:blipFill>
        <p:spPr>
          <a:xfrm>
            <a:off x="1126800" y="1989138"/>
            <a:ext cx="3494453" cy="3708400"/>
          </a:xfrm>
        </p:spPr>
      </p:pic>
      <p:pic>
        <p:nvPicPr>
          <p:cNvPr id="9" name="Pladsholder til indhold 8">
            <a:extLst>
              <a:ext uri="{FF2B5EF4-FFF2-40B4-BE49-F238E27FC236}">
                <a16:creationId xmlns:a16="http://schemas.microsoft.com/office/drawing/2014/main" id="{334775A6-53CD-460D-B7E2-47714FDA30B2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4"/>
          <a:stretch>
            <a:fillRect/>
          </a:stretch>
        </p:blipFill>
        <p:spPr>
          <a:xfrm>
            <a:off x="5092333" y="1989138"/>
            <a:ext cx="6624165" cy="3708400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6EA83F5-984B-533A-18F1-CF21582DCCD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4</a:t>
            </a:fld>
            <a:endParaRPr lang="da-DK" dirty="0"/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211482B2-0774-5820-C679-EA709129C11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2874026" y="53219"/>
            <a:ext cx="8402223" cy="179095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743332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3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BBBED9A-1E90-F69F-D6FA-11361FF9E6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da-DK" dirty="0"/>
              <a:t>Hvad skal legatet anvendes til?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4B68282-46F9-AB98-E7A6-39378A718FF6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5</a:t>
            </a:fld>
            <a:endParaRPr lang="da-DK" dirty="0"/>
          </a:p>
        </p:txBody>
      </p:sp>
      <p:sp>
        <p:nvSpPr>
          <p:cNvPr id="12" name="Pladsholder til billede 11">
            <a:extLst>
              <a:ext uri="{FF2B5EF4-FFF2-40B4-BE49-F238E27FC236}">
                <a16:creationId xmlns:a16="http://schemas.microsoft.com/office/drawing/2014/main" id="{BFF26726-9624-0D12-AB48-56E09C21E01A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14" name="Billede 13">
            <a:extLst>
              <a:ext uri="{FF2B5EF4-FFF2-40B4-BE49-F238E27FC236}">
                <a16:creationId xmlns:a16="http://schemas.microsoft.com/office/drawing/2014/main" id="{717F4A9D-822F-0E47-C64F-8014E9382126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797786"/>
            <a:ext cx="12192000" cy="354695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2999314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0CAB396-EAD0-2CB9-DE98-C224A974606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27126" y="910389"/>
            <a:ext cx="10371600" cy="828000"/>
          </a:xfrm>
        </p:spPr>
        <p:txBody>
          <a:bodyPr/>
          <a:lstStyle/>
          <a:p>
            <a:r>
              <a:rPr lang="da-DK" dirty="0"/>
              <a:t>92 Abstracts modtaget </a:t>
            </a:r>
            <a:br>
              <a:rPr lang="da-DK" dirty="0"/>
            </a:br>
            <a:r>
              <a:rPr lang="da-DK" dirty="0"/>
              <a:t>53 Oral &amp; or poster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BCA63F4-8A30-7A65-5001-63ADCFA142FC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0" indent="0" algn="l">
              <a:buNone/>
            </a:pPr>
            <a:endParaRPr lang="en-US" b="1" i="0" dirty="0">
              <a:solidFill>
                <a:srgbClr val="000000"/>
              </a:solidFill>
              <a:effectLst/>
              <a:latin typeface="Cento"/>
            </a:endParaRPr>
          </a:p>
          <a:p>
            <a:pPr marL="0" indent="0" algn="l">
              <a:buNone/>
            </a:pPr>
            <a:r>
              <a:rPr lang="en-US" b="1" i="0" dirty="0">
                <a:solidFill>
                  <a:srgbClr val="000000"/>
                </a:solidFill>
                <a:effectLst/>
                <a:latin typeface="Cento"/>
              </a:rPr>
              <a:t>Advances in Clinical Practice</a:t>
            </a:r>
            <a:endParaRPr lang="en-US" b="0" i="0" dirty="0">
              <a:solidFill>
                <a:srgbClr val="242424"/>
              </a:solidFill>
              <a:effectLst/>
              <a:latin typeface="Cento"/>
            </a:endParaRPr>
          </a:p>
          <a:p>
            <a:pPr marL="0" indent="0" algn="l">
              <a:buNone/>
            </a:pPr>
            <a:r>
              <a:rPr lang="en-US" b="1" i="0" dirty="0" err="1">
                <a:solidFill>
                  <a:srgbClr val="242424"/>
                </a:solidFill>
                <a:effectLst/>
                <a:latin typeface="Cento"/>
              </a:rPr>
              <a:t>Perianaesthesia</a:t>
            </a:r>
            <a:r>
              <a:rPr lang="en-US" b="1" i="0" dirty="0">
                <a:solidFill>
                  <a:srgbClr val="242424"/>
                </a:solidFill>
                <a:effectLst/>
                <a:latin typeface="Cento"/>
              </a:rPr>
              <a:t> Clinical Inquiry </a:t>
            </a:r>
            <a:endParaRPr lang="en-US" dirty="0">
              <a:solidFill>
                <a:srgbClr val="242424"/>
              </a:solidFill>
              <a:latin typeface="Cento"/>
            </a:endParaRPr>
          </a:p>
          <a:p>
            <a:pPr marL="0" indent="0" algn="l">
              <a:buNone/>
            </a:pPr>
            <a:r>
              <a:rPr lang="en-US" b="1" i="0" dirty="0" err="1">
                <a:solidFill>
                  <a:srgbClr val="242424"/>
                </a:solidFill>
                <a:effectLst/>
                <a:latin typeface="Cento"/>
              </a:rPr>
              <a:t>Perianaesthesia</a:t>
            </a:r>
            <a:r>
              <a:rPr lang="en-US" b="1" i="0" dirty="0">
                <a:solidFill>
                  <a:srgbClr val="242424"/>
                </a:solidFill>
                <a:effectLst/>
                <a:latin typeface="Cento"/>
              </a:rPr>
              <a:t> Nurse Development</a:t>
            </a:r>
            <a:endParaRPr lang="en-US" dirty="0">
              <a:solidFill>
                <a:srgbClr val="000000"/>
              </a:solidFill>
              <a:latin typeface="Cento"/>
            </a:endParaRPr>
          </a:p>
          <a:p>
            <a:pPr marL="0" indent="0" algn="l">
              <a:buNone/>
            </a:pPr>
            <a:r>
              <a:rPr lang="en-US" b="1" i="0" dirty="0">
                <a:solidFill>
                  <a:srgbClr val="242424"/>
                </a:solidFill>
                <a:effectLst/>
                <a:latin typeface="Cento"/>
              </a:rPr>
              <a:t>Empowering Nursing Practice in Diverse settings</a:t>
            </a:r>
            <a:endParaRPr lang="en-US" b="1" i="0" dirty="0">
              <a:solidFill>
                <a:srgbClr val="000000"/>
              </a:solidFill>
              <a:effectLst/>
              <a:latin typeface="Cento"/>
            </a:endParaRPr>
          </a:p>
          <a:p>
            <a:pPr marL="0" indent="0" algn="l">
              <a:buNone/>
            </a:pPr>
            <a:r>
              <a:rPr lang="en-US" b="1" i="0" dirty="0">
                <a:solidFill>
                  <a:srgbClr val="242424"/>
                </a:solidFill>
                <a:effectLst/>
                <a:latin typeface="Cento"/>
              </a:rPr>
              <a:t>Other </a:t>
            </a:r>
            <a:r>
              <a:rPr lang="en-US" b="1" i="0" dirty="0" err="1">
                <a:solidFill>
                  <a:srgbClr val="242424"/>
                </a:solidFill>
                <a:effectLst/>
                <a:latin typeface="Cento"/>
              </a:rPr>
              <a:t>perianaesthesia</a:t>
            </a:r>
            <a:r>
              <a:rPr lang="en-US" b="1" i="0" dirty="0">
                <a:solidFill>
                  <a:srgbClr val="242424"/>
                </a:solidFill>
                <a:effectLst/>
                <a:latin typeface="Cento"/>
              </a:rPr>
              <a:t>-focused abstracts welcome</a:t>
            </a:r>
            <a:endParaRPr lang="da-DK" dirty="0"/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F851F9CB-681C-7B7D-7EBE-3CA3E6E2A417}"/>
              </a:ext>
            </a:extLst>
          </p:cNvPr>
          <p:cNvPicPr>
            <a:picLocks noGrp="1" noChangeAspect="1"/>
          </p:cNvPicPr>
          <p:nvPr>
            <p:ph sz="quarter" idx="14"/>
          </p:nvPr>
        </p:nvPicPr>
        <p:blipFill>
          <a:blip r:embed="rId2"/>
          <a:stretch>
            <a:fillRect/>
          </a:stretch>
        </p:blipFill>
        <p:spPr>
          <a:xfrm>
            <a:off x="6347149" y="126917"/>
            <a:ext cx="5447982" cy="6064877"/>
          </a:xfrm>
        </p:spPr>
      </p:pic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6EF28E88-B562-5FE2-E5A8-542980F5C30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6</a:t>
            </a:fld>
            <a:endParaRPr lang="da-DK" dirty="0"/>
          </a:p>
        </p:txBody>
      </p:sp>
      <p:sp>
        <p:nvSpPr>
          <p:cNvPr id="8" name="Rektangel 7">
            <a:extLst>
              <a:ext uri="{FF2B5EF4-FFF2-40B4-BE49-F238E27FC236}">
                <a16:creationId xmlns:a16="http://schemas.microsoft.com/office/drawing/2014/main" id="{884AF229-EE16-C91B-C8A0-445FE3AC7E2B}"/>
              </a:ext>
            </a:extLst>
          </p:cNvPr>
          <p:cNvSpPr/>
          <p:nvPr/>
        </p:nvSpPr>
        <p:spPr>
          <a:xfrm rot="3275794">
            <a:off x="6523884" y="2524204"/>
            <a:ext cx="4556279" cy="923330"/>
          </a:xfrm>
          <a:prstGeom prst="rect">
            <a:avLst/>
          </a:prstGeom>
          <a:noFill/>
        </p:spPr>
        <p:txBody>
          <a:bodyPr wrap="square" lIns="91440" tIns="45720" rIns="91440" bIns="45720">
            <a:spAutoFit/>
          </a:bodyPr>
          <a:lstStyle/>
          <a:p>
            <a:pPr algn="ctr"/>
            <a:r>
              <a:rPr lang="da-DK" sz="5400" b="1" cap="none" spc="0" dirty="0">
                <a:ln/>
                <a:solidFill>
                  <a:srgbClr val="FF0000"/>
                </a:solidFill>
                <a:effectLst>
                  <a:outerShdw blurRad="38100" dist="19050" dir="2700000" algn="tl" rotWithShape="0">
                    <a:schemeClr val="dk1">
                      <a:lumMod val="50000"/>
                      <a:alpha val="40000"/>
                    </a:schemeClr>
                  </a:outerShdw>
                </a:effectLst>
              </a:rPr>
              <a:t>Køreplan</a:t>
            </a:r>
          </a:p>
        </p:txBody>
      </p:sp>
    </p:spTree>
    <p:extLst>
      <p:ext uri="{BB962C8B-B14F-4D97-AF65-F5344CB8AC3E}">
        <p14:creationId xmlns:p14="http://schemas.microsoft.com/office/powerpoint/2010/main" val="10670458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FB72C88-8DD8-722A-08C5-77DDE0A075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br>
              <a:rPr lang="da-DK" dirty="0"/>
            </a:br>
            <a:r>
              <a:rPr lang="da-DK" dirty="0"/>
              <a:t>PCO</a:t>
            </a:r>
            <a:br>
              <a:rPr lang="da-DK" dirty="0"/>
            </a:br>
            <a:r>
              <a:rPr lang="da-DK" dirty="0"/>
              <a:t>BOD </a:t>
            </a:r>
            <a:br>
              <a:rPr lang="da-DK" dirty="0"/>
            </a:br>
            <a:r>
              <a:rPr lang="da-DK" dirty="0"/>
              <a:t>LOC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AA0F2339-269F-9022-04F4-26D664BA0A5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730400" y="4507200"/>
            <a:ext cx="6768000" cy="2102606"/>
          </a:xfrm>
        </p:spPr>
        <p:txBody>
          <a:bodyPr/>
          <a:lstStyle/>
          <a:p>
            <a:r>
              <a:rPr lang="da-DK" dirty="0"/>
              <a:t>Hospital tours (3 forskellige hospitaler)</a:t>
            </a:r>
          </a:p>
          <a:p>
            <a:r>
              <a:rPr lang="da-DK" dirty="0"/>
              <a:t>3 Key notes</a:t>
            </a:r>
          </a:p>
          <a:p>
            <a:r>
              <a:rPr lang="da-DK" dirty="0"/>
              <a:t>18 </a:t>
            </a:r>
            <a:r>
              <a:rPr lang="da-DK" dirty="0" err="1"/>
              <a:t>speaks</a:t>
            </a:r>
            <a:r>
              <a:rPr lang="da-DK" dirty="0"/>
              <a:t> </a:t>
            </a:r>
          </a:p>
          <a:p>
            <a:r>
              <a:rPr lang="da-DK" dirty="0" err="1"/>
              <a:t>Delegates</a:t>
            </a:r>
            <a:r>
              <a:rPr lang="da-DK" dirty="0"/>
              <a:t> forum </a:t>
            </a:r>
          </a:p>
          <a:p>
            <a:r>
              <a:rPr lang="da-DK" dirty="0"/>
              <a:t>Poster abstracts (deadline 15. april)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CC0DF42B-1DA1-C14B-EEF4-0F652C20F15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7</a:t>
            </a:fld>
            <a:endParaRPr lang="da-DK" dirty="0"/>
          </a:p>
        </p:txBody>
      </p:sp>
      <p:sp>
        <p:nvSpPr>
          <p:cNvPr id="9" name="Pladsholder til billede 8">
            <a:extLst>
              <a:ext uri="{FF2B5EF4-FFF2-40B4-BE49-F238E27FC236}">
                <a16:creationId xmlns:a16="http://schemas.microsoft.com/office/drawing/2014/main" id="{D45E3EFD-599C-1C9E-AE46-F96BE544CB1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0" y="1"/>
            <a:ext cx="12192000" cy="4377394"/>
          </a:xfrm>
        </p:spPr>
        <p:txBody>
          <a:bodyPr/>
          <a:lstStyle/>
          <a:p>
            <a:endParaRPr lang="da-DK"/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A32ED796-D9F2-73B5-737D-5603547334F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89940" y="323416"/>
            <a:ext cx="9812119" cy="621116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9283112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11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3686C0D-DF8A-412E-48F2-69690335E13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bstract til poster præsentation </a:t>
            </a:r>
            <a:br>
              <a:rPr lang="da-DK" dirty="0"/>
            </a:br>
            <a:r>
              <a:rPr lang="da-DK" dirty="0"/>
              <a:t>deadline 15. april 2025</a:t>
            </a:r>
          </a:p>
        </p:txBody>
      </p:sp>
      <p:pic>
        <p:nvPicPr>
          <p:cNvPr id="6" name="Pladsholder til billede 5">
            <a:extLst>
              <a:ext uri="{FF2B5EF4-FFF2-40B4-BE49-F238E27FC236}">
                <a16:creationId xmlns:a16="http://schemas.microsoft.com/office/drawing/2014/main" id="{9D9F8E5F-6669-9CBF-372D-00C5E5F5EC7C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>
          <a:blip r:embed="rId2"/>
          <a:srcRect t="13783" b="13783"/>
          <a:stretch/>
        </p:blipFill>
        <p:spPr>
          <a:xfrm>
            <a:off x="-1" y="821457"/>
            <a:ext cx="12192000" cy="3546475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434859F-67DE-EE7B-3C65-A6597FA05DD8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8</a:t>
            </a:fld>
            <a:endParaRPr lang="da-DK" dirty="0"/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DA4FD671-DEC9-4861-8139-D8F9A3CAD1AF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566494" y="886742"/>
            <a:ext cx="7059010" cy="4810796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336296C2-6E71-0815-E95E-159F75BA2D4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648969" y="1799870"/>
            <a:ext cx="6849431" cy="3962953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C738ADF0-3E09-30D6-3A92-494494CE7097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214727" y="669328"/>
            <a:ext cx="6868484" cy="59634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0682765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3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4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2" presetClass="entr" presetSubtype="4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el 4">
            <a:extLst>
              <a:ext uri="{FF2B5EF4-FFF2-40B4-BE49-F238E27FC236}">
                <a16:creationId xmlns:a16="http://schemas.microsoft.com/office/drawing/2014/main" id="{4EAC1B1B-F117-1973-3594-4F9D8619F7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da-DK" dirty="0"/>
              <a:t>Tak for </a:t>
            </a:r>
            <a:r>
              <a:rPr lang="da-DK"/>
              <a:t>opmærksomheden </a:t>
            </a:r>
            <a:r>
              <a:rPr lang="da-DK">
                <a:sym typeface="Wingdings" panose="05000000000000000000" pitchFamily="2" charset="2"/>
              </a:rPr>
              <a:t></a:t>
            </a:r>
            <a:br>
              <a:rPr lang="da-DK">
                <a:sym typeface="Wingdings" panose="05000000000000000000" pitchFamily="2" charset="2"/>
              </a:rPr>
            </a:br>
            <a:br>
              <a:rPr lang="da-DK">
                <a:sym typeface="Wingdings" panose="05000000000000000000" pitchFamily="2" charset="2"/>
              </a:rPr>
            </a:br>
            <a:r>
              <a:rPr lang="da-DK">
                <a:sym typeface="Wingdings" panose="05000000000000000000" pitchFamily="2" charset="2"/>
              </a:rPr>
              <a:t>🍀</a:t>
            </a:r>
            <a:endParaRPr lang="da-DK" dirty="0"/>
          </a:p>
        </p:txBody>
      </p:sp>
      <p:sp>
        <p:nvSpPr>
          <p:cNvPr id="6" name="Undertitel 5">
            <a:extLst>
              <a:ext uri="{FF2B5EF4-FFF2-40B4-BE49-F238E27FC236}">
                <a16:creationId xmlns:a16="http://schemas.microsoft.com/office/drawing/2014/main" id="{8CC7CD01-52AC-FCCA-3FCE-03BC56384E93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7F9033B2-C4E0-1AC7-5CE0-06B456DC9D9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48776616"/>
      </p:ext>
    </p:extLst>
  </p:cSld>
  <p:clrMapOvr>
    <a:masterClrMapping/>
  </p:clrMapOvr>
</p:sld>
</file>

<file path=ppt/theme/theme1.xml><?xml version="1.0" encoding="utf-8"?>
<a:theme xmlns:a="http://schemas.openxmlformats.org/drawingml/2006/main" name="RegionH PowerPoint-skabelon 2024 (lys)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2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],"slideId":"1073106272661274624","enableDocumentContentUpdater":false,"version":"2.0"}]]></TemplafySlideTemplateConfiguration>
</file>

<file path=customXml/item3.xml><?xml version="1.0" encoding="utf-8"?>
<TemplafySlide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]}]]></TemplafySlideFormConfiguration>
</file>

<file path=customXml/item4.xml><?xml version="1.0" encoding="utf-8"?>
<TemplafyTemplateConfiguration><![CDATA[{"elementsMetadata":[{"type":"shape","id":"493109cf-64f7-4fe8-8658-ac3676b6487e","elementConfiguration":{"inheritDimensions":"{{InheritDimensions.InheritNone}}","width":"1.91 cm","height":"1.91 cm","image":"{{UserProfile.Office.LogoRef.LogoHRef.Image}}","visibility":"","type":"image","disableUpdates":false}},{"type":"shape","id":"61020857-d85d-48bf-93ae-4c84b9d4e238","elementConfiguration":{"inheritDimensions":"{{InheritDimensions.InheritNone}}","width":"3.68 cm","height":"1.17 cm","image":"{{UserProfile.Ekstralogo.ExtraLogoPPRef.Image}}","visibility":"","type":"image","disableUpdates":false}},{"type":"shape","id":"65f2a3f9-183a-4166-8a17-2e3e97d6d7a4","elementConfiguration":{"inheritDimensions":"{{InheritDimensions.InheritNone}}","width":"6.05 cm","height":"1.9 cm","image":"{{UserProfile.Ekstralogo.ExtraLogoSix_PPRef.Image}}","visibility":"","type":"image","disableUpdates":false}},{"type":"shape","id":"09bfe8fc-f907-4af6-82e4-f7b9800cf783","elementConfiguration":{"binding":"{{UserProfile.Office.Virksomhed}}","visibility":"{{IfElse(Equals(UserProfile.Office.Virksomhed, \"\"), VisibilityType.Hidden, VisibilityType.Visible)}}","type":"text","disableUpdates":false}},{"type":"shape","id":"695c405d-87f8-4921-861a-653bf845462e","elementConfiguration":{"binding":"{{Form.PresentationTitle}}","visibility":"","type":"text","disableUpdates":false}},{"type":"shape","id":"40b60b14-166f-4bd7-aef4-bc3013a27806","elementConfiguration":{"binding":"{{StringJoin(\" \", UserProfile.Fornavn,UserProfile.Efternavn)}}","visibility":"{{IfElse(Not(Equals(Form.Dato_Manuel, \"\")), VisibilityType.Hidden, VisibilityType.Visible)}}","type":"text","disableUpdates":false}},{"type":"shape","id":"39f7e7f6-83ce-4740-97e5-27158168b859","elementConfiguration":{"binding":"{{Form.Dato_Manuel}}","visibility":"","type":"text","disableUpdates":false}},{"type":"shape","id":"584af90f-5be5-43e7-9bcf-4a9f83264a03","elementConfiguration":{"binding":"{{UserProfile.CenterFreeText}}","visibility":"{{IfElse(Equals(UserProfile.Centers.Center, \"\"), VisibilityType.Visible, VisibilityType.Hidden)}}","type":"text","disableUpdates":false}},{"type":"shape","id":"118b3e61-12d7-4268-aad7-8336e942c7ea","elementConfiguration":{"binding":"{{UserProfile.Centers.Center}}","visibility":"{{IfElse(Equals(UserProfile.Centers.Center, \"\"), VisibilityType.Hidden, VisibilityType.Visible)}}","type":"text","disableUpdates":false}},{"type":"shape","id":"4e11a62c-71a8-4941-8c80-abfa82993f1c","elementConfiguration":{"inheritDimensions":"{{InheritDimensions.InheritNone}}","width":"1.91 cm","height":"1.91 cm","image":"{{UserProfile.Office.LogoRef.LogoHRef.Image}}","visibility":"","type":"image","disableUpdates":false}},{"type":"shape","id":"df023ba9-7f0b-4c74-9814-cfaafa6adaca","elementConfiguration":{"inheritDimensions":"{{InheritDimensions.InheritNone}}","width":"3.68 cm","height":"1.17 cm","image":"{{UserProfile.Ekstralogo.ExtraLogoPPRef.Image}}","visibility":"","type":"image","disableUpdates":false}},{"type":"shape","id":"3d35647f-66a3-46d4-9c2c-85f61ec2b031","elementConfiguration":{"inheritDimensions":"{{InheritDimensions.InheritNone}}","width":"6.05 cm","height":"1.9 cm","image":"{{UserProfile.Ekstralogo.ExtraLogoSix_PPRef.Image}}","visibility":"","type":"image","disableUpdates":false}},{"type":"shape","id":"8299431e-a300-4a90-81c4-477f57bdeee9","elementConfiguration":{"binding":"{{UserProfile.Office.Virksomhed}}","visibility":"{{IfElse(Equals(UserProfile.Office.Virksomhed, \"\"), VisibilityType.Hidden, VisibilityType.Visible)}}","type":"text","disableUpdates":false}},{"type":"shape","id":"7c70ea49-2e01-4d95-871d-2ea5f51fac43","elementConfiguration":{"binding":"{{Form.PresentationTitle}}","visibility":"","type":"text","disableUpdates":false}},{"type":"shape","id":"b42203c8-8e66-47bf-8d1d-18819a00782a","elementConfiguration":{"binding":"{{StringJoin(\" \", UserProfile.Fornavn,UserProfile.Efternavn)}}","visibility":"{{IfElse(Not(Equals(Form.Dato_Manuel, \"\")), VisibilityType.Hidden, VisibilityType.Visible)}}","type":"text","disableUpdates":false}},{"type":"shape","id":"12df1afc-d824-4de9-adc2-5cf9a0112d48","elementConfiguration":{"binding":"{{Form.Dato_Manuel}}","visibility":"","type":"text","disableUpdates":false}},{"type":"shape","id":"933460a5-fddd-49b8-95d8-b0b2dfeb897e","elementConfiguration":{"binding":"{{UserProfile.CenterFreeText}}","visibility":"{{IfElse(Equals(UserProfile.Centers.Center, \"\"), VisibilityType.Visible, VisibilityType.Hidden)}}","type":"text","disableUpdates":false}},{"type":"shape","id":"50e71f15-195a-459d-aa4f-de5f9db3ac55","elementConfiguration":{"binding":"{{UserProfile.Centers.Center}}","visibility":"{{IfElse(Equals(UserProfile.Centers.Center, \"\"), VisibilityType.Hidden, VisibilityType.Visible)}}","type":"text","disableUpdates":false}},{"type":"shape","id":"c1547431-3328-4098-9373-4a9fd777c428","elementConfiguration":{"inheritDimensions":"{{InheritDimensions.InheritNone}}","width":"6.05 cm","height":"1.9 cm","image":"{{UserProfile.Ekstralogo.ExtraLogoSix_PPRef.Image}}","visibility":"","type":"image","disableUpdates":false}},{"type":"shape","id":"77db7c57-8b67-4141-85a9-9c090674d13a","elementConfiguration":{"inheritDimensions":"{{InheritDimensions.InheritNone}}","width":"3.68 cm","height":"1.17 cm","image":"{{UserProfile.Ekstralogo.ExtraLogoPPRef.Image}}","visibility":"","type":"image","disableUpdates":false}},{"type":"shape","id":"3835cbee-787b-46ec-92e6-67c5731d84a1","elementConfiguration":{"binding":"{{Form.PresentationTitle}}","visibility":"","type":"text","disableUpdates":false}},{"type":"shape","id":"d8c595b4-b751-4aad-bed1-df21a13412c8","elementConfiguration":{"binding":"{{StringJoin(\" \", UserProfile.Fornavn,UserProfile.Efternavn)}}","visibility":"{{IfElse(Not(Equals(Form.Dato_Manuel, \"\")), VisibilityType.Hidden, VisibilityType.Visible)}}","type":"text","disableUpdates":false}},{"type":"shape","id":"0eda0980-5cf3-42de-a2a2-24eb4a361121","elementConfiguration":{"binding":"{{Form.Dato_Manuel}}","visibility":"","type":"text","disableUpdates":false}},{"type":"shape","id":"a7304099-c901-40ac-a48c-450f4ff188e6","elementConfiguration":{"inheritDimensions":"{{InheritDimensions.InheritNone}}","width":"1.91 cm","height":"1.91 cm","image":"{{UserProfile.Office.LogoRef.LogoHRef.Image}}","visibility":"","type":"image","disableUpdates":false}},{"type":"shape","id":"5732dbe6-11ca-4174-b036-c097ed520c43","elementConfiguration":{"inheritDimensions":"{{InheritDimensions.InheritNone}}","width":"3.68 cm","height":"1.17 cm","image":"{{UserProfile.Ekstralogo.ExtraLogoPPRef.Image}}","visibility":"","type":"image","disableUpdates":false}},{"type":"shape","id":"2eafde38-8151-4128-8ebd-1ba9559579df","elementConfiguration":{"inheritDimensions":"{{InheritDimensions.InheritNone}}","width":"6.05 cm","height":"1.9 cm","image":"{{UserProfile.Ekstralogo.ExtraLogoSix_PPRef.Image}}","visibility":"","type":"image","disableUpdates":false}},{"type":"shape","id":"ee0ac4ba-ba98-4950-a687-1f7d21d12391","elementConfiguration":{"binding":"{{UserProfile.Office.Virksomhed}}","visibility":"{{IfElse(Equals(UserProfile.Office.Virksomhed, \"\"), VisibilityType.Hidden, VisibilityType.Visible)}}","type":"text","disableUpdates":false}},{"type":"shape","id":"dc59ed20-d457-4c7e-b8c5-02c2508f0021","elementConfiguration":{"binding":"{{Form.PresentationTitle}}","visibility":"","type":"text","disableUpdates":false}},{"type":"shape","id":"edb853e4-ae1b-4aaf-9e78-6ee9f5b816cf","elementConfiguration":{"binding":"{{StringJoin(\" \", UserProfile.Fornavn,UserProfile.Efternavn)}}","visibility":"{{IfElse(Not(Equals(Form.Dato_Manuel, \"\")), VisibilityType.Hidden, VisibilityType.Visible)}}","type":"text","disableUpdates":false}},{"type":"shape","id":"f883f249-f385-4ef9-bb41-1b5f2230aeda","elementConfiguration":{"binding":"{{Form.Dato_Manuel}}","visibility":"","type":"text","disableUpdates":false}},{"type":"shape","id":"dfb369f1-aa86-4e88-b7a5-667208adea4a","elementConfiguration":{"binding":"{{UserProfile.CenterFreeText}}","visibility":"{{IfElse(Equals(UserProfile.Centers.Center, \"\"), VisibilityType.Visible, VisibilityType.Hidden)}}","type":"text","disableUpdates":false}},{"type":"shape","id":"4120b2c6-30fc-4f3b-947a-30855d469a33","elementConfiguration":{"binding":"{{UserProfile.Centers.Center}}","visibility":"{{IfElse(Equals(UserProfile.Centers.Center, \"\"), VisibilityType.Hidden, VisibilityType.Visible)}}","type":"text","disableUpdates":false}},{"type":"shape","id":"3ca27faf-e3f4-407f-bcbb-226d009cc39a","elementConfiguration":{"inheritDimensions":"{{InheritDimensions.InheritNone}}","width":"1.91 cm","height":"1.91 cm","image":"{{UserProfile.Office.LogoRef.LogoHRef.Image}}","visibility":"","type":"image","disableUpdates":false}},{"type":"shape","id":"dc2cf958-7083-4607-89a1-637059a259cc","elementConfiguration":{"binding":"{{UserProfile.Office.Virksomhed}}","visibility":"{{IfElse(Equals(UserProfile.Office.Virksomhed, \"\"), VisibilityType.Hidden, VisibilityType.Visible)}}","type":"text","disableUpdates":false}},{"type":"shape","id":"15ab82b3-8e3d-4388-a15a-5ce1afdb74df","elementConfiguration":{"binding":"{{UserProfile.CenterFreeText}}","visibility":"{{IfElse(Equals(UserProfile.Centers.Center, \"\"), VisibilityType.Visible, VisibilityType.Hidden)}}","type":"text","disableUpdates":false}},{"type":"shape","id":"a37e2101-3bc3-451f-a630-6ff37ea088e7","elementConfiguration":{"binding":"{{UserProfile.Centers.Center}}","visibility":"{{IfElse(Equals(UserProfile.Centers.Center, \"\"), VisibilityType.Hidden, VisibilityType.Visible)}}","type":"text","disableUpdates":false}},{"type":"shape","id":"1fcd8a6f-9f2c-46a3-996a-daa8c34bc3a7","elementConfiguration":{"inheritDimensions":"{{InheritDimensions.InheritNone}}","width":"6.05 cm","height":"1.9 cm","image":"{{UserProfile.Ekstralogo.ExtraLogoSix_PPRef.Image}}","visibility":"","type":"image","disableUpdates":false}},{"type":"shape","id":"f86e1a65-ef90-41b3-85f5-ef40ff3097c9","elementConfiguration":{"inheritDimensions":"{{InheritDimensions.InheritNone}}","width":"3.68 cm","height":"1.17 cm","image":"{{UserProfile.Ekstralogo.ExtraLogoPPRef.Image}}","visibility":"","type":"image","disableUpdates":false}},{"type":"shape","id":"2869f8b8-5ca8-43c5-9a51-4b5ff83fcc83","elementConfiguration":{"binding":"{{Form.PresentationTitle}}","visibility":"","type":"text","disableUpdates":false}},{"type":"shape","id":"f90907f3-a1b6-4dcb-8fcf-7add313cdfb0","elementConfiguration":{"binding":"{{StringJoin(\" \", UserProfile.Fornavn,UserProfile.Efternavn)}}","visibility":"{{IfElse(Not(Equals(Form.Dato_Manuel, \"\")), VisibilityType.Hidden, VisibilityType.Visible)}}","type":"text","disableUpdates":false}},{"type":"shape","id":"dfc2983b-f64a-4379-a415-5e32af753985","elementConfiguration":{"binding":"{{Form.Dato_Manuel}}","visibility":"","type":"text","disableUpdates":false}},{"type":"shape","id":"5306a0b6-4729-4aa6-926e-5e3d366223d0","elementConfiguration":{"inheritDimensions":"{{InheritDimensions.InheritNone}}","width":"1.91 cm","height":"1.91 cm","image":"{{UserProfile.Office.LogoRef.LogoHRef.Image}}","visibility":"","type":"image","disableUpdates":false}},{"type":"shape","id":"6248f725-c116-4bcf-898a-74f509be7a3d","elementConfiguration":{"inheritDimensions":"{{InheritDimensions.InheritNone}}","width":"1.91 cm","height":"1.91 cm","image":"{{UserProfile.Office.LogoRef.LogoHRef.Image}}","visibility":"","type":"image","disableUpdates":false}},{"type":"shape","id":"330dbbcf-e316-4e24-a87a-b4ce8df5195e","elementConfiguration":{"inheritDimensions":"{{InheritDimensions.InheritNone}}","width":"6.05 cm","height":"1.9 cm","image":"{{UserProfile.Ekstralogo.ExtraLogoSix_PPRef.Image}}","visibility":"","type":"image","disableUpdates":false}},{"type":"shape","id":"0ef60209-851c-4208-a265-4cd3b1d05b02","elementConfiguration":{"inheritDimensions":"{{InheritDimensions.InheritNone}}","width":"3.68 cm","height":"1.17 cm","image":"{{UserProfile.Ekstralogo.ExtraLogoPPRef.Image}}","visibility":"","type":"image","disableUpdates":false}},{"type":"shape","id":"c16c1578-83fa-4e2e-981a-07a7f477bc08","elementConfiguration":{"binding":"{{UserProfile.Office.Virksomhed}}","visibility":"{{IfElse(Equals(UserProfile.Office.Virksomhed, \"\"), VisibilityType.Hidden, VisibilityType.Visible)}}","type":"text","disableUpdates":false}},{"type":"shape","id":"8c27e226-886d-42ae-8057-589c6fda1234","elementConfiguration":{"binding":"{{Form.PresentationTitle}}","visibility":"","type":"text","disableUpdates":false}},{"type":"shape","id":"d34f1a2d-78fc-4d11-a094-348d95329fbd","elementConfiguration":{"binding":"{{StringJoin(\" \", UserProfile.Fornavn,UserProfile.Efternavn)}}","visibility":"{{IfElse(Not(Equals(Form.Dato_Manuel, \"\")), VisibilityType.Hidden, VisibilityType.Visible)}}","type":"text","disableUpdates":false}},{"type":"shape","id":"3ff85322-846d-4ea6-ae31-d715ae3ea230","elementConfiguration":{"binding":"{{Form.Dato_Manuel}}","visibility":"","type":"text","disableUpdates":false}},{"type":"shape","id":"5a2c78d2-a60c-4b1e-9e46-0613f6a32bf2","elementConfiguration":{"binding":"{{UserProfile.CenterFreeText}}","visibility":"{{IfElse(Equals(UserProfile.Centers.Center, \"\"), VisibilityType.Visible, VisibilityType.Hidden)}}","type":"text","disableUpdates":false}},{"type":"shape","id":"80aa061b-9fb3-455c-8472-6c344d912004","elementConfiguration":{"binding":"{{UserProfile.Centers.Center}}","visibility":"{{IfElse(Equals(UserProfile.Centers.Center, \"\"), VisibilityType.Hidden, VisibilityType.Visible)}}","type":"text","disableUpdates":false}},{"type":"shape","id":"5cdb57bc-c8f1-4f07-946e-42177d9da2e9","elementConfiguration":{"inheritDimensions":"{{InheritDimensions.InheritNone}}","width":"1.91 cm","height":"1.91 cm","image":"{{UserProfile.Office.LogoRef.LogoHRef.Image}}","visibility":"","type":"image","disableUpdates":false}},{"type":"shape","id":"e6331728-9f9d-4bd7-bc1b-80a16c010dcb","elementConfiguration":{"inheritDimensions":"{{InheritDimensions.InheritNone}}","width":"3.68 cm","height":"1.17 cm","image":"{{UserProfile.Ekstralogo.ExtraLogoPPRef.Image}}","visibility":"","type":"image","disableUpdates":false}},{"type":"shape","id":"a1a3ce40-0d80-4523-a74c-4e000c19d362","elementConfiguration":{"inheritDimensions":"{{InheritDimensions.InheritNone}}","width":"6.05 cm","height":"1.9 cm","image":"{{UserProfile.Ekstralogo.ExtraLogoSix_PPRef.Image}}","visibility":"","type":"image","disableUpdates":false}},{"type":"shape","id":"d5ced39f-b925-49d4-82c0-f2e56f4d066f","elementConfiguration":{"binding":"{{Form.PresentationTitle}}","visibility":"","type":"text","disableUpdates":false}},{"type":"shape","id":"ad595fa0-f222-4477-a420-30e7d5d389af","elementConfiguration":{"binding":"{{StringJoin(\" \", UserProfile.Fornavn,UserProfile.Efternavn)}}","visibility":"{{IfElse(Not(Equals(Form.Dato_Manuel, \"\")), VisibilityType.Hidden, VisibilityType.Visible)}}","type":"text","disableUpdates":false}},{"type":"shape","id":"208ed7e7-31ec-4c39-9042-e7e2124d6222","elementConfiguration":{"binding":"{{Form.Dato_Manuel}}","visibility":"","type":"text","disableUpdates":false}},{"type":"shape","id":"ad7229e4-74cb-41d8-ac20-2e4f9d2d6c16","elementConfiguration":{"binding":"{{UserProfile.CenterFreeText}}","visibility":"{{IfElse(Equals(UserProfile.Centers.Center, \"\"), VisibilityType.Visible, VisibilityType.Hidden)}}","type":"text","disableUpdates":false}},{"type":"shape","id":"eb8a5596-75f7-4b1e-af09-18b893475ef9","elementConfiguration":{"binding":"{{UserProfile.Centers.Center}}","visibility":"{{IfElse(Equals(UserProfile.Centers.Center, \"\"), VisibilityType.Hidden, VisibilityType.Visible)}}","type":"text","disableUpdates":false}},{"type":"shape","id":"b577f033-6fca-41a1-bb0a-93f8ae8f6e5a","elementConfiguration":{"binding":"{{UserProfile.Office.Virksomhed}}","visibility":"{{IfElse(Equals(UserProfile.Office.Virksomhed, \"\"), VisibilityType.Hidden, VisibilityType.Visible)}}","type":"text","disableUpdates":false}},{"type":"shape","id":"1d10a776-7027-4563-9197-1842efcbee4a","elementConfiguration":{"inheritDimensions":"{{InheritDimensions.InheritNone}}","width":"1.91 cm","height":"1.91 cm","image":"{{UserProfile.Office.LogoRef.LogoHRef.Image}}","visibility":"","type":"image","disableUpdates":false}},{"type":"shape","id":"9ded1423-815f-43fc-943a-317950ea3ecb","elementConfiguration":{"inheritDimensions":"{{InheritDimensions.InheritNone}}","width":"3.68 cm","height":"1.17 cm","image":"{{UserProfile.Ekstralogo.ExtraLogoPPRef.Image}}","visibility":"","type":"image","disableUpdates":false}},{"type":"shape","id":"462e6db3-a6e2-43a3-8b45-caba3d29e3b8","elementConfiguration":{"inheritDimensions":"{{InheritDimensions.InheritNone}}","width":"6.05 cm","height":"1.9 cm","image":"{{UserProfile.Ekstralogo.ExtraLogoSix_PPRef.Image}}","visibility":"","type":"image","disableUpdates":false}},{"type":"shape","id":"38712577-d90e-47c7-acbc-e467bec8eac7","elementConfiguration":{"binding":"{{UserProfile.Office.Virksomhed}}","visibility":"{{IfElse(Equals(UserProfile.Office.Virksomhed, \"\"), VisibilityType.Hidden, VisibilityType.Visible)}}","type":"text","disableUpdates":false}},{"type":"shape","id":"079e7b5b-0c0e-48bb-9e0c-b278836537ee","elementConfiguration":{"binding":"{{Form.PresentationTitle}}","visibility":"","type":"text","disableUpdates":false}},{"type":"shape","id":"b45ebdde-b412-4800-8ccb-706f4239e06b","elementConfiguration":{"binding":"{{StringJoin(\" \", UserProfile.Fornavn,UserProfile.Efternavn)}}","visibility":"{{IfElse(Not(Equals(Form.Dato_Manuel, \"\")), VisibilityType.Hidden, VisibilityType.Visible)}}","type":"text","disableUpdates":false}},{"type":"shape","id":"647655a2-8dfa-4f8c-982d-4097156f2737","elementConfiguration":{"binding":"{{Form.Dato_Manuel}}","visibility":"","type":"text","disableUpdates":false}},{"type":"shape","id":"e4e416f2-86db-4530-8489-51770c141cc4","elementConfiguration":{"binding":"{{UserProfile.CenterFreeText}}","visibility":"{{IfElse(Equals(UserProfile.Centers.Center, \"\"), VisibilityType.Visible, VisibilityType.Hidden)}}","type":"text","disableUpdates":false}},{"type":"shape","id":"02447262-5d16-47e1-84dc-9d8abc0eb9c7","elementConfiguration":{"binding":"{{UserProfile.Centers.Center}}","visibility":"{{IfElse(Equals(UserProfile.Centers.Center, \"\"), VisibilityType.Hidden, VisibilityType.Visible)}}","type":"text","disableUpdates":false}},{"type":"shape","id":"735c7740-fa81-416c-b80f-2c8b4aeeb41e","elementConfiguration":{"inheritDimensions":"{{InheritDimensions.InheritNone}}","width":"1.91 cm","height":"1.91 cm","image":"{{UserProfile.Office.LogoRef.LogoHRef.Image}}","visibility":"","type":"image","disableUpdates":false}},{"type":"shape","id":"cfc18dd2-a649-4db8-989d-23005349af81","elementConfiguration":{"inheritDimensions":"{{InheritDimensions.InheritNone}}","width":"3.68 cm","height":"1.17 cm","image":"{{UserProfile.Ekstralogo.ExtraLogoPPRef.Image}}","visibility":"","type":"image","disableUpdates":false}},{"type":"shape","id":"e343525f-73dc-46b6-a683-bd85c1d1e4ad","elementConfiguration":{"inheritDimensions":"{{InheritDimensions.InheritNone}}","width":"6.05 cm","height":"1.9 cm","image":"{{UserProfile.Ekstralogo.ExtraLogoSix_PPRef.Image}}","visibility":"","type":"image","disableUpdates":false}},{"type":"shape","id":"783d78c7-3312-406b-a37c-a1a4ea59a774","elementConfiguration":{"binding":"{{UserProfile.Office.Virksomhed}}","visibility":"{{IfElse(Equals(UserProfile.Office.Virksomhed, \"\"), VisibilityType.Hidden, VisibilityType.Visible)}}","type":"text","disableUpdates":false}},{"type":"shape","id":"441a3d7b-5230-4ab5-b5d3-5458675decbe","elementConfiguration":{"binding":"{{UserProfile.CenterFreeText}}","visibility":"{{IfElse(Equals(UserProfile.Centers.Center, \"\"), VisibilityType.Visible, VisibilityType.Hidden)}}","type":"text","disableUpdates":false}},{"type":"shape","id":"7e7a89ba-aea5-4a16-a7ef-fc71c24634a0","elementConfiguration":{"binding":"{{UserProfile.Centers.Center}}","visibility":"{{IfElse(Equals(UserProfile.Centers.Center, \"\"), VisibilityType.Hidden, VisibilityType.Visible)}}","type":"text","disableUpdates":false}},{"type":"shape","id":"6e990caa-3def-447a-8264-79e99567a54e","elementConfiguration":{"binding":"{{Form.PresentationTitle}}","visibility":"","type":"text","disableUpdates":false}},{"type":"shape","id":"97475211-e99e-403e-986c-eea5aee0a981","elementConfiguration":{"binding":"{{StringJoin(\" \", UserProfile.Fornavn,UserProfile.Efternavn)}}","visibility":"{{IfElse(Not(Equals(Form.Dato_Manuel, \"\")), VisibilityType.Hidden, VisibilityType.Visible)}}","type":"text","disableUpdates":false}},{"type":"shape","id":"c01604ba-ac8a-4e17-ba20-ef3f76b4154d","elementConfiguration":{"binding":"{{Form.Dato_Manuel}}","visibility":"","type":"text","disableUpdates":false}},{"type":"shape","id":"c5ae58bc-d99e-4f26-a2b9-0f7db198a9bf","elementConfiguration":{"inheritDimensions":"{{InheritDimensions.InheritNone}}","width":"1.91 cm","height":"1.91 cm","image":"{{UserProfile.Office.LogoRef.LogoHRef.Image}}","visibility":"","type":"image","disableUpdates":false}},{"type":"shape","id":"efabffe2-d63d-4318-bc50-6de6c6031341","elementConfiguration":{"binding":"{{UserProfile.Office.Virksomhed}}","visibility":"{{IfElse(Equals(UserProfile.Office.Virksomhed, \"\"), VisibilityType.Hidden, VisibilityType.Visible)}}","type":"text","disableUpdates":false}},{"type":"shape","id":"ddac05f1-5429-4b66-baaa-7749fb191fbe","elementConfiguration":{"binding":"{{UserProfile.CenterFreeText}}","visibility":"{{IfElse(Equals(UserProfile.Centers.Center, \"\"), VisibilityType.Visible, VisibilityType.Hidden)}}","type":"text","disableUpdates":false}},{"type":"shape","id":"811c4a0e-4ce1-47fa-a939-1376b1e89fac","elementConfiguration":{"binding":"{{UserProfile.Centers.Center}}","visibility":"{{IfElse(Equals(UserProfile.Centers.Center, \"\"), VisibilityType.Hidden, VisibilityType.Visible)}}","type":"text","disableUpdates":false}},{"type":"shape","id":"725d0450-36a5-40da-a2b1-c625443abf48","elementConfiguration":{"inheritDimensions":"{{InheritDimensions.InheritNone}}","width":"6.05 cm","height":"1.9 cm","image":"{{UserProfile.Ekstralogo.ExtraLogoSix_PPRef.Image}}","visibility":"","type":"image","disableUpdates":false}},{"type":"shape","id":"9c713dfe-92e3-4584-84d0-24daf5a792a9","elementConfiguration":{"inheritDimensions":"{{InheritDimensions.InheritNone}}","width":"3.68 cm","height":"1.17 cm","image":"{{UserProfile.Ekstralogo.ExtraLogoPPRef.Image}}","visibility":"","type":"image","disableUpdates":false}},{"type":"shape","id":"56c071db-3276-47da-8e1c-640afab7f80e","elementConfiguration":{"binding":"{{Form.PresentationTitle}}","visibility":"","type":"text","disableUpdates":false}},{"type":"shape","id":"4e697e6f-5a1b-4510-b00b-79c7bfc89bb1","elementConfiguration":{"binding":"{{StringJoin(\" \", UserProfile.Fornavn,UserProfile.Efternavn)}}","visibility":"{{IfElse(Not(Equals(Form.Dato_Manuel, \"\")), VisibilityType.Hidden, VisibilityType.Visible)}}","type":"text","disableUpdates":false}},{"type":"shape","id":"5bcca84d-8305-4c2b-8e47-520031c4bafa","elementConfiguration":{"binding":"{{Form.Dato_Manuel}}","visibility":"","type":"text","disableUpdates":false}},{"type":"shape","id":"ccb285a6-c065-4161-8cc9-e694c031e2c2","elementConfiguration":{"inheritDimensions":"{{InheritDimensions.InheritNone}}","width":"1.91 cm","height":"1.91 cm","image":"{{UserProfile.Office.LogoRef.LogoHRef.Image}}","visibility":"","type":"image","disableUpdates":false}},{"type":"shape","id":"5657af6e-f842-45e9-9377-e795b891173b","elementConfiguration":{"inheritDimensions":"{{InheritDimensions.InheritNone}}","width":"1.91 cm","height":"1.91 cm","image":"{{UserProfile.Office.LogoRef.LogoHRef.Image}}","visibility":"","type":"image","disableUpdates":false}},{"type":"shape","id":"d3e02c63-f6a0-446e-8af1-3413ce13229b","elementConfiguration":{"binding":"{{UserProfile.Office.Virksomhed}}","visibility":"{{IfElse(Equals(UserProfile.Office.Virksomhed, \"\"), VisibilityType.Hidden, VisibilityType.Visible)}}","type":"text","disableUpdates":false}},{"type":"shape","id":"ab42cb29-ec68-4535-af1f-f3b643abee47","elementConfiguration":{"binding":"{{UserProfile.CenterFreeText}}","visibility":"{{IfElse(Equals(UserProfile.Centers.Center, \"\"), VisibilityType.Visible, VisibilityType.Hidden)}}","type":"text","disableUpdates":false}},{"type":"shape","id":"50c09fcf-3771-45bd-bbb7-7d5115c5342b","elementConfiguration":{"binding":"{{UserProfile.Centers.Center}}","visibility":"{{IfElse(Equals(UserProfile.Centers.Center, \"\"), VisibilityType.Hidden, VisibilityType.Visible)}}","type":"text","disableUpdates":false}},{"type":"shape","id":"f517c651-c220-4547-b299-928a6b36ff0a","elementConfiguration":{"inheritDimensions":"{{InheritDimensions.InheritNone}}","width":"6.05 cm","height":"1.9 cm","image":"{{UserProfile.Ekstralogo.ExtraLogoSix_PPRef.Image}}","visibility":"","type":"image","disableUpdates":false}},{"type":"shape","id":"4f1ba8dd-ed71-4972-be17-1203b742f72f","elementConfiguration":{"inheritDimensions":"{{InheritDimensions.InheritNone}}","width":"3.68 cm","height":"1.17 cm","image":"{{UserProfile.Ekstralogo.ExtraLogoPPRef.Image}}","visibility":"","type":"image","disableUpdates":false}},{"type":"shape","id":"340dbc77-7547-40f3-83e3-8590569a8a3c","elementConfiguration":{"binding":"{{Form.PresentationTitle}}","visibility":"","type":"text","disableUpdates":false}},{"type":"shape","id":"186df7ab-823b-4dbc-ad81-eb324ae875f5","elementConfiguration":{"binding":"{{StringJoin(\" \", UserProfile.Fornavn,UserProfile.Efternavn)}}","visibility":"{{IfElse(Not(Equals(Form.Dato_Manuel, \"\")), VisibilityType.Hidden, VisibilityType.Visible)}}","type":"text","disableUpdates":false}},{"type":"shape","id":"653f79ba-07b6-478e-8058-542c7c889b8b","elementConfiguration":{"binding":"{{Form.Dato_Manuel}}","visibility":"","type":"text","disableUpdates":false}},{"type":"shape","id":"14ed3819-9c71-4148-9f23-9b2a096fc55b","elementConfiguration":{"inheritDimensions":"{{InheritDimensions.InheritNone}}","width":"1.91 cm","height":"1.91 cm","image":"{{UserProfile.Office.LogoRef.LogoHRef.Image}}","visibility":"","type":"image","disableUpdates":false}},{"type":"shape","id":"b77e6a6f-23de-4ef2-861a-224033db242b","elementConfiguration":{"inheritDimensions":"{{InheritDimensions.InheritNone}}","width":"3.68 cm","height":"1.17 cm","image":"{{UserProfile.Ekstralogo.ExtraLogoPPRef.Image}}","visibility":"","type":"image","disableUpdates":false}},{"type":"shape","id":"bd2e9627-583f-47c3-befa-1bff535209db","elementConfiguration":{"inheritDimensions":"{{InheritDimensions.InheritNone}}","width":"6.05 cm","height":"1.9 cm","image":"{{UserProfile.Ekstralogo.ExtraLogoSix_PPRef.Image}}","visibility":"","type":"image","disableUpdates":false}},{"type":"shape","id":"62cc7b35-0133-4a09-a6ae-dae51b6bb426","elementConfiguration":{"binding":"{{UserProfile.Office.Virksomhed}}","visibility":"{{IfElse(Equals(UserProfile.Office.Virksomhed, \"\"), VisibilityType.Hidden, VisibilityType.Visible)}}","type":"text","disableUpdates":false}},{"type":"shape","id":"afeb2df5-4567-4156-81c4-86885c92288d","elementConfiguration":{"binding":"{{Form.PresentationTitle}}","visibility":"","type":"text","disableUpdates":false}},{"type":"shape","id":"9b66e0af-d2b3-458b-857f-8820c0777a43","elementConfiguration":{"binding":"{{StringJoin(\" \", UserProfile.Fornavn,UserProfile.Efternavn)}}","visibility":"{{IfElse(Not(Equals(Form.Dato_Manuel, \"\")), VisibilityType.Hidden, VisibilityType.Visible)}}","type":"text","disableUpdates":false}},{"type":"shape","id":"0e9799a5-db4c-4b73-b5e4-2adeb952569e","elementConfiguration":{"binding":"{{Form.Dato_Manuel}}","visibility":"","type":"text","disableUpdates":false}},{"type":"shape","id":"27aaf8fd-3007-4b4a-85f6-e5af2a3c7030","elementConfiguration":{"binding":"{{UserProfile.CenterFreeText}}","visibility":"{{IfElse(Equals(UserProfile.Centers.Center, \"\"), VisibilityType.Visible, VisibilityType.Hidden)}}","type":"text","disableUpdates":false}},{"type":"shape","id":"754fada5-485c-4369-ad1b-8017a17fdce7","elementConfiguration":{"binding":"{{UserProfile.Centers.Center}}","visibility":"{{IfElse(Equals(UserProfile.Centers.Center, \"\"), VisibilityType.Hidden, VisibilityType.Visible)}}","type":"text","disableUpdates":false}},{"type":"shape","id":"39ad83b7-f3ff-44ff-9201-cd0eeb028860","elementConfiguration":{"inheritDimensions":"{{InheritDimensions.InheritNone}}","width":"1.91 cm","height":"1.91 cm","image":"{{UserProfile.Office.LogoRef.LogoHRef.Image}}","visibility":"","type":"image","disableUpdates":false}},{"type":"shape","id":"188541bc-9c75-4f67-b601-65e4e40da102","elementConfiguration":{"inheritDimensions":"{{InheritDimensions.InheritNone}}","width":"3.68 cm","height":"1.17 cm","image":"{{UserProfile.Ekstralogo.ExtraLogoPPRef.Image}}","visibility":"","type":"image","disableUpdates":false}},{"type":"shape","id":"0263eef8-a28f-4a8d-9ed2-d39479f0c50f","elementConfiguration":{"binding":"{{Form.PresentationTitle}}","visibility":"","type":"text","disableUpdates":false}},{"type":"shape","id":"75273f23-8c66-4855-8094-21ecca1a49fd","elementConfiguration":{"binding":"{{StringJoin(\" \", UserProfile.Fornavn,UserProfile.Efternavn)}}","visibility":"{{IfElse(Not(Equals(Form.Dato_Manuel, \"\")), VisibilityType.Hidden, VisibilityType.Visible)}}","type":"text","disableUpdates":false}},{"type":"shape","id":"70d7d8d5-1114-484c-b6d6-3bd7f0c0fad2","elementConfiguration":{"binding":"{{Form.Dato_Manuel}}","visibility":"","type":"text","disableUpdates":false}},{"type":"shape","id":"ef362e2b-022c-4361-8601-8b1c56f7f682","elementConfiguration":{"inheritDimensions":"{{InheritDimensions.InheritNone}}","width":"6.05 cm","height":"1.9 cm","image":"{{UserProfile.Ekstralogo.ExtraLogoSix_PPRef.Image}}","visibility":"","type":"image","disableUpdates":false}},{"type":"shape","id":"80c5ad27-1248-40cb-8960-206366f4aeca","elementConfiguration":{"binding":"{{UserProfile.Office.Virksomhed}}","visibility":"{{IfElse(Equals(UserProfile.Office.Virksomhed, \"\"), VisibilityType.Hidden, VisibilityType.Visible)}}","type":"text","disableUpdates":false}},{"type":"shape","id":"eb7a4962-3e91-4c03-b7cf-f6acf17a12af","elementConfiguration":{"binding":"{{UserProfile.CenterFreeText}}","visibility":"{{IfElse(Equals(UserProfile.Centers.Center, \"\"), VisibilityType.Visible, VisibilityType.Hidden)}}","type":"text","disableUpdates":false}},{"type":"shape","id":"346e2b3b-85e6-4bdb-856b-c14dfb214e13","elementConfiguration":{"binding":"{{UserProfile.Centers.Center}}","visibility":"{{IfElse(Equals(UserProfile.Centers.Center, \"\"), VisibilityType.Hidden, VisibilityType.Visible)}}","type":"text","disableUpdates":false}},{"type":"shape","id":"03c29df9-914b-49f9-ae63-3ed44315c6df","elementConfiguration":{"inheritDimensions":"{{InheritDimensions.InheritNone}}","width":"3.68 cm","height":"1.17 cm","image":"{{UserProfile.Ekstralogo.ExtraLogoPPRef.Image}}","visibility":"","type":"image","disableUpdates":false}},{"type":"shape","id":"9fe69bc7-9383-4ebb-9a7f-8afb3fa3c6cd","elementConfiguration":{"inheritDimensions":"{{InheritDimensions.InheritNone}}","width":"6.05 cm","height":"1.9 cm","image":"{{UserProfile.Ekstralogo.ExtraLogoSix_PPRef.Image}}","visibility":"","type":"image","disableUpdates":false}},{"type":"shape","id":"49f8a575-9098-49a2-92b0-27fe0df50226","elementConfiguration":{"binding":"{{Form.PresentationTitle}}","visibility":"","type":"text","disableUpdates":false}},{"type":"shape","id":"7f24ec94-c61b-4d4d-90b8-05003200d31a","elementConfiguration":{"binding":"{{StringJoin(\" \", UserProfile.Fornavn,UserProfile.Efternavn)}}","visibility":"{{IfElse(Not(Equals(Form.Dato_Manuel, \"\")), VisibilityType.Hidden, VisibilityType.Visible)}}","type":"text","disableUpdates":false}},{"type":"shape","id":"f61961cb-8f9b-429e-85a1-9fc8690b4952","elementConfiguration":{"binding":"{{Form.Dato_Manuel}}","visibility":"","type":"text","disableUpdates":false}},{"type":"shape","id":"5125f731-dfb3-4ab2-a7b1-dd52e7afd6e4","elementConfiguration":{"inheritDimensions":"{{InheritDimensions.InheritNone}}","width":"1.91 cm","height":"1.91 cm","image":"{{UserProfile.Office.LogoRef.LogoHRef.Image}}","visibility":"","type":"image","disableUpdates":false}},{"type":"shape","id":"c8752596-699f-4ada-b067-54c626bb54d7","elementConfiguration":{"inheritDimensions":"{{InheritDimensions.InheritNone}}","width":"3.68 cm","height":"1.17 cm","image":"{{UserProfile.Ekstralogo.ExtraLogoPPRef.Image}}","visibility":"","type":"image","disableUpdates":false}},{"type":"shape","id":"57ed7471-8918-44e2-a621-35b2de001d08","elementConfiguration":{"inheritDimensions":"{{InheritDimensions.InheritNone}}","width":"6.05 cm","height":"1.9 cm","image":"{{UserProfile.Ekstralogo.ExtraLogoSix_PPRef.Image}}","visibility":"","type":"image","disableUpdates":false}},{"type":"shape","id":"71b1dedd-54cf-4bc2-b415-8728344f7ef7","elementConfiguration":{"binding":"{{UserProfile.Office.Virksomhed}}","visibility":"{{IfElse(Equals(UserProfile.Office.Virksomhed, \"\"), VisibilityType.Hidden, VisibilityType.Visible)}}","type":"text","disableUpdates":false}},{"type":"shape","id":"090bb2f2-5771-4044-aeed-6104a14accfe","elementConfiguration":{"binding":"{{Form.PresentationTitle}}","visibility":"","type":"text","disableUpdates":false}},{"type":"shape","id":"c248e555-d792-49d5-b1b0-4d5c1c2eb168","elementConfiguration":{"binding":"{{StringJoin(\" \", UserProfile.Fornavn,UserProfile.Efternavn)}}","visibility":"{{IfElse(Not(Equals(Form.Dato_Manuel, \"\")), VisibilityType.Hidden, VisibilityType.Visible)}}","type":"text","disableUpdates":false}},{"type":"shape","id":"4f82ed8a-c7ad-4d59-a398-4010b8208665","elementConfiguration":{"binding":"{{Form.Dato_Manuel}}","visibility":"","type":"text","disableUpdates":false}},{"type":"shape","id":"70ecf64b-eff6-4860-8289-7136a22f1da7","elementConfiguration":{"binding":"{{UserProfile.CenterFreeText}}","visibility":"{{IfElse(Equals(UserProfile.Centers.Center, \"\"), VisibilityType.Visible, VisibilityType.Hidden)}}","type":"text","disableUpdates":false}},{"type":"shape","id":"60c3cd68-1d49-454e-9567-603e8005459f","elementConfiguration":{"binding":"{{UserProfile.Centers.Center}}","visibility":"{{IfElse(Equals(UserProfile.Centers.Center, \"\"), VisibilityType.Hidden, VisibilityType.Visible)}}","type":"text","disableUpdates":false}},{"type":"shape","id":"07ce485e-c6c1-486e-9f25-d717a727ed0b","elementConfiguration":{"inheritDimensions":"{{InheritDimensions.InheritNone}}","width":"1.91 cm","height":"1.91 cm","image":"{{UserProfile.Office.LogoRef.LogoHRef.Image}}","visibility":"","type":"image","disableUpdates":false}},{"type":"shape","id":"655f92f0-841c-48ee-bc5a-d2bbf4e7f4a4","elementConfiguration":{"inheritDimensions":"{{InheritDimensions.InheritNone}}","width":"3.68 cm","height":"1.17 cm","image":"{{UserProfile.Ekstralogo.ExtraLogoPPRef.Image}}","visibility":"","type":"image","disableUpdates":false}},{"type":"shape","id":"be588bee-050f-40f0-9f5a-bdff394af71d","elementConfiguration":{"inheritDimensions":"{{InheritDimensions.InheritNone}}","width":"6.05 cm","height":"1.9 cm","image":"{{UserProfile.Ekstralogo.ExtraLogoSix_PPRef.Image}}","visibility":"","type":"image","disableUpdates":false}},{"type":"shape","id":"47096f99-cd21-429e-b3fe-a61096d35a7e","elementConfiguration":{"binding":"{{UserProfile.Office.Virksomhed}}","visibility":"{{IfElse(Equals(UserProfile.Office.Virksomhed, \"\"), VisibilityType.Hidden, VisibilityType.Visible)}}","type":"text","disableUpdates":false}},{"type":"shape","id":"a8cf6dd5-87e9-4bec-bcdc-04d523a6afcd","elementConfiguration":{"binding":"{{Form.PresentationTitle}}","visibility":"","type":"text","disableUpdates":false}},{"type":"shape","id":"25678e70-2f13-4589-979b-4947e6b39641","elementConfiguration":{"binding":"{{StringJoin(\" \", UserProfile.Fornavn,UserProfile.Efternavn)}}","visibility":"{{IfElse(Not(Equals(Form.Dato_Manuel, \"\")), VisibilityType.Hidden, VisibilityType.Visible)}}","type":"text","disableUpdates":false}},{"type":"shape","id":"b2b5330e-ff27-41f6-b60a-14fce4992aa3","elementConfiguration":{"binding":"{{Form.Dato_Manuel}}","visibility":"","type":"text","disableUpdates":false}},{"type":"shape","id":"82b0af33-0916-4648-ba5c-9cd7645c1d57","elementConfiguration":{"binding":"{{UserProfile.CenterFreeText}}","visibility":"{{IfElse(Equals(UserProfile.Centers.Center, \"\"), VisibilityType.Visible, VisibilityType.Hidden)}}","type":"text","disableUpdates":false}},{"type":"shape","id":"2c3c6b28-f60a-4d34-b75a-c38851933b47","elementConfiguration":{"binding":"{{UserProfile.Centers.Center}}","visibility":"{{IfElse(Equals(UserProfile.Centers.Center, \"\"), VisibilityType.Hidden, VisibilityType.Visible)}}","type":"text","disableUpdates":false}},{"type":"shape","id":"852ccc39-6801-4e8f-a86a-44136715a976","elementConfiguration":{"inheritDimensions":"{{InheritDimensions.InheritNone}}","width":"1.91 cm","height":"1.91 cm","image":"{{UserProfile.Office.LogoRef.LogoHRef.Image}}","visibility":"","type":"image","disableUpdates":false}},{"type":"shape","id":"1589ce7f-38ee-48f8-96d3-12adbbe7d39a","elementConfiguration":{"inheritDimensions":"{{InheritDimensions.InheritNone}}","width":"3.68 cm","height":"1.17 cm","image":"{{UserProfile.Ekstralogo.ExtraLogoPPRef.Image}}","visibility":"","type":"image","disableUpdates":false}},{"type":"shape","id":"fb3157d4-dba6-4bae-84ad-5a2a6afe856d","elementConfiguration":{"inheritDimensions":"{{InheritDimensions.InheritNone}}","width":"6.05 cm","height":"1.9 cm","image":"{{UserProfile.Ekstralogo.ExtraLogoSix_PPRef.Image}}","visibility":"","type":"image","disableUpdates":false}},{"type":"shape","id":"45c93e9f-4d24-4cff-aec2-98d106e659fb","elementConfiguration":{"binding":"{{UserProfile.Office.Virksomhed}}","visibility":"{{IfElse(Equals(UserProfile.Office.Virksomhed, \"\"), VisibilityType.Hidden, VisibilityType.Visible)}}","type":"text","disableUpdates":false}},{"type":"shape","id":"cc348b66-fd16-4c02-a181-b7b1956d3ba2","elementConfiguration":{"binding":"{{Form.PresentationTitle}}","visibility":"","type":"text","disableUpdates":false}},{"type":"shape","id":"71590967-b088-4fd5-a6c7-c1f19f033005","elementConfiguration":{"binding":"{{StringJoin(\" \", UserProfile.Fornavn,UserProfile.Efternavn)}}","visibility":"{{IfElse(Not(Equals(Form.Dato_Manuel, \"\")), VisibilityType.Hidden, VisibilityType.Visible)}}","type":"text","disableUpdates":false}},{"type":"shape","id":"36664678-3296-426d-9db7-091b71ad6dd7","elementConfiguration":{"binding":"{{Form.Dato_Manuel}}","visibility":"","type":"text","disableUpdates":false}},{"type":"shape","id":"e897f20b-ec95-44c9-b364-26520a82761b","elementConfiguration":{"binding":"{{UserProfile.CenterFreeText}}","visibility":"{{IfElse(Equals(UserProfile.Centers.Center, \"\"), VisibilityType.Visible, VisibilityType.Hidden)}}","type":"text","disableUpdates":false}},{"type":"shape","id":"8dada82c-24cd-400d-9ad5-e29edad74c79","elementConfiguration":{"binding":"{{UserProfile.Centers.Center}}","visibility":"{{IfElse(Equals(UserProfile.Centers.Center, \"\"), VisibilityType.Hidden, VisibilityType.Visible)}}","type":"text","disableUpdates":false}}],"transformationConfigurations":[{"colorTheme":"{{UserProfile.Office.ThemecolorRef.ColorTheme}}","disableUpdates":false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type":"colorTheme"}],"templateName":"Standard_v2","templateDescription":"","enableDocumentContentUpdater":true,"version":"2.0"}]]></TemplafyTemplateConfiguration>
</file>

<file path=customXml/item5.xml><?xml version="1.0" encoding="utf-8"?>
<TemplafySlideTemplateConfiguration><![CDATA[{"slideVersion":1,"isValidatorEnabled":false,"isLocked":false,"elementsMetadata":[{"type":"shape","elementConfiguration":{"inheritDimensions":"{{InheritDimensions.InheritNone}}","width":"1.91 cm","height":"1.91 cm","image":"{{UserProfile.Office.LogoRef.LogoHRef.Image}}","visibility":"","type":"image","disableUpdates":false}},{"type":"shape","elementConfiguration":{"inheritDimensions":"{{InheritDimensions.InheritNone}}","width":"3.68 cm","height":"1.17 cm","image":"{{UserProfile.Ekstralogo.ExtraLogoPPRef.Image}}","visibility":"","type":"image","disableUpdates":false}},{"type":"shape","elementConfiguration":{"inheritDimensions":"{{InheritDimensions.InheritNone}}","width":"6.05 cm","height":"1.9 cm","image":"{{UserProfile.Ekstralogo.ExtraLogoSix_PPRef.Image}}","visibility":"","type":"image","disableUpdates":false}},{"type":"shape","elementConfiguration":{"binding":"{{UserProfile.Office.Virksomhed}}","visibility":"{{IfElse(Equals(UserProfile.Office.Virksomhed, \"\"), VisibilityType.Hidden, VisibilityType.Visible)}}","type":"text","disableUpdates":false}},{"type":"shape","elementConfiguration":{"binding":"{{Form.PresentationTitle}}","visibility":"","type":"text","disableUpdates":false}},{"type":"shape","elementConfiguration":{"binding":"{{StringJoin(\" \", UserProfile.Fornavn,UserProfile.Efternavn)}}","visibility":"{{IfElse(Not(Equals(Form.Dato_Manuel, \"\")), VisibilityType.Hidden, VisibilityType.Visible)}}","type":"text","disableUpdates":false}},{"type":"shape","elementConfiguration":{"binding":"{{Form.Dato_Manuel}}","visibility":"","type":"text","disableUpdates":false}},{"type":"shape","elementConfiguration":{"binding":"{{UserProfile.CenterFreeText}}","visibility":"{{IfElse(Equals(UserProfile.Centers.Center, \"\"), VisibilityType.Visible, VisibilityType.Hidden)}}","type":"text","disableUpdates":false}},{"type":"shape","elementConfiguration":{"binding":"{{UserProfile.Centers.Center}}","visibility":"{{IfElse(Equals(UserProfile.Centers.Center, \"\"), VisibilityType.Hidden, VisibilityType.Visible)}}","type":"text","disableUpdates":false}}],"slideId":"1073106272661274625","enableDocumentContentUpdater":false,"version":"2.0"}]]></TemplafySlideTemplateConfiguration>
</file>

<file path=customXml/item6.xml><?xml version="1.0" encoding="utf-8"?>
<TemplafyFormConfiguration><![CDATA[{"formFields":[{"required":false,"placeholder":"Præsentationens titel/beskrivelse (venstre sidefod)","lines":0,"helpTexts":{"prefix":"","postfix":""},"spacing":{},"shareValue":false,"type":"textBox","name":"PresentationTitle","label":"Titel/beskrivelse"},{"required":false,"placeholder":"","lines":1,"helpTexts":{"prefix":"Indsæt ønsket dato (fjerner brugernavnet)"},"spacing":{},"shareValue":false,"type":"textBox","name":"Dato_Manuel","label":"Dato"}],"formDataEntries":[{"name":"PresentationTitle","value":"bYbka6NvHuzPlIv+8JFqsQ=="},{"name":"Dato_Manuel","value":"bYbka6NvHuzPlIv+8JFqsQ=="}]}]]></TemplafyFormConfiguration>
</file>

<file path=customXml/itemProps1.xml><?xml version="1.0" encoding="utf-8"?>
<ds:datastoreItem xmlns:ds="http://schemas.openxmlformats.org/officeDocument/2006/customXml" ds:itemID="{BA57392B-4E55-470C-9BFB-76A4EFF620E7}">
  <ds:schemaRefs/>
</ds:datastoreItem>
</file>

<file path=customXml/itemProps2.xml><?xml version="1.0" encoding="utf-8"?>
<ds:datastoreItem xmlns:ds="http://schemas.openxmlformats.org/officeDocument/2006/customXml" ds:itemID="{71B1CA69-6F30-4A1D-8099-FC0E60F4C801}">
  <ds:schemaRefs/>
</ds:datastoreItem>
</file>

<file path=customXml/itemProps3.xml><?xml version="1.0" encoding="utf-8"?>
<ds:datastoreItem xmlns:ds="http://schemas.openxmlformats.org/officeDocument/2006/customXml" ds:itemID="{D3BBDB66-E0BA-4922-A72A-D92E49D2F91A}">
  <ds:schemaRefs/>
</ds:datastoreItem>
</file>

<file path=customXml/itemProps4.xml><?xml version="1.0" encoding="utf-8"?>
<ds:datastoreItem xmlns:ds="http://schemas.openxmlformats.org/officeDocument/2006/customXml" ds:itemID="{978984FF-6C25-4FD4-85EA-2F9586C8CA61}">
  <ds:schemaRefs/>
</ds:datastoreItem>
</file>

<file path=customXml/itemProps5.xml><?xml version="1.0" encoding="utf-8"?>
<ds:datastoreItem xmlns:ds="http://schemas.openxmlformats.org/officeDocument/2006/customXml" ds:itemID="{D0F44FCD-1ED5-46D8-98E6-453A5D8A7E11}">
  <ds:schemaRefs/>
</ds:datastoreItem>
</file>

<file path=customXml/itemProps6.xml><?xml version="1.0" encoding="utf-8"?>
<ds:datastoreItem xmlns:ds="http://schemas.openxmlformats.org/officeDocument/2006/customXml" ds:itemID="{B0D2E709-FA3C-4E2D-A1F5-DD257C40637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66</Words>
  <Application>Microsoft Office PowerPoint</Application>
  <PresentationFormat>Widescreen</PresentationFormat>
  <Paragraphs>41</Paragraphs>
  <Slides>9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9</vt:i4>
      </vt:variant>
    </vt:vector>
  </HeadingPairs>
  <TitlesOfParts>
    <vt:vector size="13" baseType="lpstr">
      <vt:lpstr>Arial</vt:lpstr>
      <vt:lpstr>Cento</vt:lpstr>
      <vt:lpstr>Wingdings</vt:lpstr>
      <vt:lpstr>RegionH PowerPoint-skabelon 2024 (lys)</vt:lpstr>
      <vt:lpstr>Som TAK for legat fra DSDK </vt:lpstr>
      <vt:lpstr>PowerPoint-præsentation</vt:lpstr>
      <vt:lpstr>Bedøvelse, operation &amp; Traume</vt:lpstr>
      <vt:lpstr>International Collaboration of PeriAnesthesia Nurses (ICPAN)</vt:lpstr>
      <vt:lpstr>Hvad skal legatet anvendes til?</vt:lpstr>
      <vt:lpstr>92 Abstracts modtaget  53 Oral &amp; or poster</vt:lpstr>
      <vt:lpstr> PCO BOD  LOC</vt:lpstr>
      <vt:lpstr>Abstract til poster præsentation  deadline 15. april 2025</vt:lpstr>
      <vt:lpstr>Tak for opmærksomheden   🍀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5-02-25T11:02:27Z</dcterms:created>
  <dcterms:modified xsi:type="dcterms:W3CDTF">2025-04-05T09:59:1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4-12-16T21:40:12</vt:lpwstr>
  </property>
  <property fmtid="{D5CDD505-2E9C-101B-9397-08002B2CF9AE}" pid="3" name="TemplafyTenantId">
    <vt:lpwstr>regionh</vt:lpwstr>
  </property>
  <property fmtid="{D5CDD505-2E9C-101B-9397-08002B2CF9AE}" pid="4" name="TemplafyTemplateId">
    <vt:lpwstr>1073106263693590572</vt:lpwstr>
  </property>
  <property fmtid="{D5CDD505-2E9C-101B-9397-08002B2CF9AE}" pid="5" name="TemplafyUserProfileId">
    <vt:lpwstr>981417894961742296</vt:lpwstr>
  </property>
  <property fmtid="{D5CDD505-2E9C-101B-9397-08002B2CF9AE}" pid="6" name="TemplafyLanguageCode">
    <vt:lpwstr>da-DK</vt:lpwstr>
  </property>
  <property fmtid="{D5CDD505-2E9C-101B-9397-08002B2CF9AE}" pid="7" name="TemplafyFromBlank">
    <vt:bool>true</vt:bool>
  </property>
</Properties>
</file>